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slides/slide49.xml" ContentType="application/vnd.openxmlformats-officedocument.presentationml.slide+xml"/>
  <Override PartName="/ppt/slides/slide50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notesSlides/notesSlide34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notesSlides/notesSlide35.xml" ContentType="application/vnd.openxmlformats-officedocument.presentationml.notesSlide+xml"/>
  <Override PartName="/ppt/notesSlides/notesSlide36.xml" ContentType="application/vnd.openxmlformats-officedocument.presentationml.notesSlide+xml"/>
  <Override PartName="/ppt/notesSlides/notesSlide37.xml" ContentType="application/vnd.openxmlformats-officedocument.presentationml.notesSlide+xml"/>
  <Override PartName="/ppt/notesSlides/notesSlide38.xml" ContentType="application/vnd.openxmlformats-officedocument.presentationml.notesSlide+xml"/>
  <Override PartName="/ppt/notesSlides/notesSlide39.xml" ContentType="application/vnd.openxmlformats-officedocument.presentationml.notesSlide+xml"/>
  <Override PartName="/ppt/notesSlides/notesSlide40.xml" ContentType="application/vnd.openxmlformats-officedocument.presentationml.notesSlide+xml"/>
  <Override PartName="/ppt/notesSlides/notesSlide41.xml" ContentType="application/vnd.openxmlformats-officedocument.presentationml.notesSlide+xml"/>
  <Override PartName="/ppt/notesSlides/notesSlide42.xml" ContentType="application/vnd.openxmlformats-officedocument.presentationml.notesSlide+xml"/>
  <Override PartName="/ppt/notesSlides/notesSlide43.xml" ContentType="application/vnd.openxmlformats-officedocument.presentationml.notesSlide+xml"/>
  <Override PartName="/ppt/notesSlides/notesSlide44.xml" ContentType="application/vnd.openxmlformats-officedocument.presentationml.notesSlide+xml"/>
  <Override PartName="/ppt/notesSlides/notesSlide45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16"/>
    <p:sldMasterId id="2147483817" r:id="rId17"/>
    <p:sldMasterId id="2147483812" r:id="rId18"/>
  </p:sldMasterIdLst>
  <p:notesMasterIdLst>
    <p:notesMasterId r:id="rId69"/>
  </p:notesMasterIdLst>
  <p:handoutMasterIdLst>
    <p:handoutMasterId r:id="rId70"/>
  </p:handoutMasterIdLst>
  <p:sldIdLst>
    <p:sldId id="256" r:id="rId19"/>
    <p:sldId id="344" r:id="rId20"/>
    <p:sldId id="923" r:id="rId21"/>
    <p:sldId id="388" r:id="rId22"/>
    <p:sldId id="1061" r:id="rId23"/>
    <p:sldId id="1063" r:id="rId24"/>
    <p:sldId id="980" r:id="rId25"/>
    <p:sldId id="927" r:id="rId26"/>
    <p:sldId id="930" r:id="rId27"/>
    <p:sldId id="945" r:id="rId28"/>
    <p:sldId id="1054" r:id="rId29"/>
    <p:sldId id="1083" r:id="rId30"/>
    <p:sldId id="364" r:id="rId31"/>
    <p:sldId id="1084" r:id="rId32"/>
    <p:sldId id="1069" r:id="rId33"/>
    <p:sldId id="1070" r:id="rId34"/>
    <p:sldId id="1051" r:id="rId35"/>
    <p:sldId id="1071" r:id="rId36"/>
    <p:sldId id="1072" r:id="rId37"/>
    <p:sldId id="1073" r:id="rId38"/>
    <p:sldId id="995" r:id="rId39"/>
    <p:sldId id="996" r:id="rId40"/>
    <p:sldId id="943" r:id="rId41"/>
    <p:sldId id="946" r:id="rId42"/>
    <p:sldId id="948" r:id="rId43"/>
    <p:sldId id="950" r:id="rId44"/>
    <p:sldId id="952" r:id="rId45"/>
    <p:sldId id="956" r:id="rId46"/>
    <p:sldId id="1076" r:id="rId47"/>
    <p:sldId id="960" r:id="rId48"/>
    <p:sldId id="1077" r:id="rId49"/>
    <p:sldId id="964" r:id="rId50"/>
    <p:sldId id="1078" r:id="rId51"/>
    <p:sldId id="968" r:id="rId52"/>
    <p:sldId id="1079" r:id="rId53"/>
    <p:sldId id="972" r:id="rId54"/>
    <p:sldId id="1080" r:id="rId55"/>
    <p:sldId id="1081" r:id="rId56"/>
    <p:sldId id="1045" r:id="rId57"/>
    <p:sldId id="613" r:id="rId58"/>
    <p:sldId id="615" r:id="rId59"/>
    <p:sldId id="779" r:id="rId60"/>
    <p:sldId id="1085" r:id="rId61"/>
    <p:sldId id="1086" r:id="rId62"/>
    <p:sldId id="929" r:id="rId63"/>
    <p:sldId id="931" r:id="rId64"/>
    <p:sldId id="1087" r:id="rId65"/>
    <p:sldId id="978" r:id="rId66"/>
    <p:sldId id="979" r:id="rId67"/>
    <p:sldId id="449" r:id="rId68"/>
  </p:sldIdLst>
  <p:sldSz cx="12195175" cy="6858000"/>
  <p:notesSz cx="6858000" cy="9144000"/>
  <p:custDataLst>
    <p:tags r:id="rId71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9A1143F-34BF-48D8-9BA0-6B4F5C589EBD}" v="5" dt="2023-09-26T10:46:27.592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6993" autoAdjust="0"/>
    <p:restoredTop sz="95374" autoAdjust="0"/>
  </p:normalViewPr>
  <p:slideViewPr>
    <p:cSldViewPr snapToGrid="0" showGuides="1">
      <p:cViewPr varScale="1">
        <p:scale>
          <a:sx n="93" d="100"/>
          <a:sy n="93" d="100"/>
        </p:scale>
        <p:origin x="108" y="408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8.xml"/><Relationship Id="rId21" Type="http://schemas.openxmlformats.org/officeDocument/2006/relationships/slide" Target="slides/slide3.xml"/><Relationship Id="rId42" Type="http://schemas.openxmlformats.org/officeDocument/2006/relationships/slide" Target="slides/slide24.xml"/><Relationship Id="rId47" Type="http://schemas.openxmlformats.org/officeDocument/2006/relationships/slide" Target="slides/slide29.xml"/><Relationship Id="rId63" Type="http://schemas.openxmlformats.org/officeDocument/2006/relationships/slide" Target="slides/slide45.xml"/><Relationship Id="rId68" Type="http://schemas.openxmlformats.org/officeDocument/2006/relationships/slide" Target="slides/slide50.xml"/><Relationship Id="rId16" Type="http://schemas.openxmlformats.org/officeDocument/2006/relationships/slideMaster" Target="slideMasters/slideMaster1.xml"/><Relationship Id="rId11" Type="http://schemas.openxmlformats.org/officeDocument/2006/relationships/customXml" Target="../customXml/item11.xml"/><Relationship Id="rId24" Type="http://schemas.openxmlformats.org/officeDocument/2006/relationships/slide" Target="slides/slide6.xml"/><Relationship Id="rId32" Type="http://schemas.openxmlformats.org/officeDocument/2006/relationships/slide" Target="slides/slide14.xml"/><Relationship Id="rId37" Type="http://schemas.openxmlformats.org/officeDocument/2006/relationships/slide" Target="slides/slide19.xml"/><Relationship Id="rId40" Type="http://schemas.openxmlformats.org/officeDocument/2006/relationships/slide" Target="slides/slide22.xml"/><Relationship Id="rId45" Type="http://schemas.openxmlformats.org/officeDocument/2006/relationships/slide" Target="slides/slide27.xml"/><Relationship Id="rId53" Type="http://schemas.openxmlformats.org/officeDocument/2006/relationships/slide" Target="slides/slide35.xml"/><Relationship Id="rId58" Type="http://schemas.openxmlformats.org/officeDocument/2006/relationships/slide" Target="slides/slide40.xml"/><Relationship Id="rId66" Type="http://schemas.openxmlformats.org/officeDocument/2006/relationships/slide" Target="slides/slide48.xml"/><Relationship Id="rId74" Type="http://schemas.openxmlformats.org/officeDocument/2006/relationships/theme" Target="theme/theme1.xml"/><Relationship Id="rId5" Type="http://schemas.openxmlformats.org/officeDocument/2006/relationships/customXml" Target="../customXml/item5.xml"/><Relationship Id="rId61" Type="http://schemas.openxmlformats.org/officeDocument/2006/relationships/slide" Target="slides/slide43.xml"/><Relationship Id="rId19" Type="http://schemas.openxmlformats.org/officeDocument/2006/relationships/slide" Target="slides/slide1.xml"/><Relationship Id="rId14" Type="http://schemas.openxmlformats.org/officeDocument/2006/relationships/customXml" Target="../customXml/item14.xml"/><Relationship Id="rId22" Type="http://schemas.openxmlformats.org/officeDocument/2006/relationships/slide" Target="slides/slide4.xml"/><Relationship Id="rId27" Type="http://schemas.openxmlformats.org/officeDocument/2006/relationships/slide" Target="slides/slide9.xml"/><Relationship Id="rId30" Type="http://schemas.openxmlformats.org/officeDocument/2006/relationships/slide" Target="slides/slide12.xml"/><Relationship Id="rId35" Type="http://schemas.openxmlformats.org/officeDocument/2006/relationships/slide" Target="slides/slide17.xml"/><Relationship Id="rId43" Type="http://schemas.openxmlformats.org/officeDocument/2006/relationships/slide" Target="slides/slide25.xml"/><Relationship Id="rId48" Type="http://schemas.openxmlformats.org/officeDocument/2006/relationships/slide" Target="slides/slide30.xml"/><Relationship Id="rId56" Type="http://schemas.openxmlformats.org/officeDocument/2006/relationships/slide" Target="slides/slide38.xml"/><Relationship Id="rId64" Type="http://schemas.openxmlformats.org/officeDocument/2006/relationships/slide" Target="slides/slide46.xml"/><Relationship Id="rId69" Type="http://schemas.openxmlformats.org/officeDocument/2006/relationships/notesMaster" Target="notesMasters/notesMaster1.xml"/><Relationship Id="rId77" Type="http://schemas.microsoft.com/office/2015/10/relationships/revisionInfo" Target="revisionInfo.xml"/><Relationship Id="rId8" Type="http://schemas.openxmlformats.org/officeDocument/2006/relationships/customXml" Target="../customXml/item8.xml"/><Relationship Id="rId51" Type="http://schemas.openxmlformats.org/officeDocument/2006/relationships/slide" Target="slides/slide33.xml"/><Relationship Id="rId72" Type="http://schemas.openxmlformats.org/officeDocument/2006/relationships/presProps" Target="presProp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2.xml"/><Relationship Id="rId25" Type="http://schemas.openxmlformats.org/officeDocument/2006/relationships/slide" Target="slides/slide7.xml"/><Relationship Id="rId33" Type="http://schemas.openxmlformats.org/officeDocument/2006/relationships/slide" Target="slides/slide15.xml"/><Relationship Id="rId38" Type="http://schemas.openxmlformats.org/officeDocument/2006/relationships/slide" Target="slides/slide20.xml"/><Relationship Id="rId46" Type="http://schemas.openxmlformats.org/officeDocument/2006/relationships/slide" Target="slides/slide28.xml"/><Relationship Id="rId59" Type="http://schemas.openxmlformats.org/officeDocument/2006/relationships/slide" Target="slides/slide41.xml"/><Relationship Id="rId67" Type="http://schemas.openxmlformats.org/officeDocument/2006/relationships/slide" Target="slides/slide49.xml"/><Relationship Id="rId20" Type="http://schemas.openxmlformats.org/officeDocument/2006/relationships/slide" Target="slides/slide2.xml"/><Relationship Id="rId41" Type="http://schemas.openxmlformats.org/officeDocument/2006/relationships/slide" Target="slides/slide23.xml"/><Relationship Id="rId54" Type="http://schemas.openxmlformats.org/officeDocument/2006/relationships/slide" Target="slides/slide36.xml"/><Relationship Id="rId62" Type="http://schemas.openxmlformats.org/officeDocument/2006/relationships/slide" Target="slides/slide44.xml"/><Relationship Id="rId70" Type="http://schemas.openxmlformats.org/officeDocument/2006/relationships/handoutMaster" Target="handoutMasters/handoutMaster1.xml"/><Relationship Id="rId75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slide" Target="slides/slide5.xml"/><Relationship Id="rId28" Type="http://schemas.openxmlformats.org/officeDocument/2006/relationships/slide" Target="slides/slide10.xml"/><Relationship Id="rId36" Type="http://schemas.openxmlformats.org/officeDocument/2006/relationships/slide" Target="slides/slide18.xml"/><Relationship Id="rId49" Type="http://schemas.openxmlformats.org/officeDocument/2006/relationships/slide" Target="slides/slide31.xml"/><Relationship Id="rId57" Type="http://schemas.openxmlformats.org/officeDocument/2006/relationships/slide" Target="slides/slide39.xml"/><Relationship Id="rId10" Type="http://schemas.openxmlformats.org/officeDocument/2006/relationships/customXml" Target="../customXml/item10.xml"/><Relationship Id="rId31" Type="http://schemas.openxmlformats.org/officeDocument/2006/relationships/slide" Target="slides/slide13.xml"/><Relationship Id="rId44" Type="http://schemas.openxmlformats.org/officeDocument/2006/relationships/slide" Target="slides/slide26.xml"/><Relationship Id="rId52" Type="http://schemas.openxmlformats.org/officeDocument/2006/relationships/slide" Target="slides/slide34.xml"/><Relationship Id="rId60" Type="http://schemas.openxmlformats.org/officeDocument/2006/relationships/slide" Target="slides/slide42.xml"/><Relationship Id="rId65" Type="http://schemas.openxmlformats.org/officeDocument/2006/relationships/slide" Target="slides/slide47.xml"/><Relationship Id="rId73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slideMaster" Target="slideMasters/slideMaster3.xml"/><Relationship Id="rId39" Type="http://schemas.openxmlformats.org/officeDocument/2006/relationships/slide" Target="slides/slide21.xml"/><Relationship Id="rId34" Type="http://schemas.openxmlformats.org/officeDocument/2006/relationships/slide" Target="slides/slide16.xml"/><Relationship Id="rId50" Type="http://schemas.openxmlformats.org/officeDocument/2006/relationships/slide" Target="slides/slide32.xml"/><Relationship Id="rId55" Type="http://schemas.openxmlformats.org/officeDocument/2006/relationships/slide" Target="slides/slide37.xml"/><Relationship Id="rId76" Type="http://schemas.microsoft.com/office/2016/11/relationships/changesInfo" Target="changesInfos/changesInfo1.xml"/><Relationship Id="rId7" Type="http://schemas.openxmlformats.org/officeDocument/2006/relationships/customXml" Target="../customXml/item7.xml"/><Relationship Id="rId71" Type="http://schemas.openxmlformats.org/officeDocument/2006/relationships/tags" Target="tags/tag1.xml"/><Relationship Id="rId2" Type="http://schemas.openxmlformats.org/officeDocument/2006/relationships/customXml" Target="../customXml/item2.xml"/><Relationship Id="rId29" Type="http://schemas.openxmlformats.org/officeDocument/2006/relationships/slide" Target="slides/slide1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Bielecka, Aleksandra" userId="60353cab-9933-4252-8281-5e6a2ba630bd" providerId="ADAL" clId="{1C58687B-2B2A-4ED5-A038-DB565CC57D75}"/>
    <pc:docChg chg="undo custSel addSld delSld modSld">
      <pc:chgData name="Bielecka, Aleksandra" userId="60353cab-9933-4252-8281-5e6a2ba630bd" providerId="ADAL" clId="{1C58687B-2B2A-4ED5-A038-DB565CC57D75}" dt="2023-08-02T10:33:36.926" v="316" actId="20577"/>
      <pc:docMkLst>
        <pc:docMk/>
      </pc:docMkLst>
      <pc:sldChg chg="modSp mod">
        <pc:chgData name="Bielecka, Aleksandra" userId="60353cab-9933-4252-8281-5e6a2ba630bd" providerId="ADAL" clId="{1C58687B-2B2A-4ED5-A038-DB565CC57D75}" dt="2023-08-02T07:37:17.890" v="0" actId="2711"/>
        <pc:sldMkLst>
          <pc:docMk/>
          <pc:sldMk cId="4271709361" sldId="256"/>
        </pc:sldMkLst>
        <pc:spChg chg="mod">
          <ac:chgData name="Bielecka, Aleksandra" userId="60353cab-9933-4252-8281-5e6a2ba630bd" providerId="ADAL" clId="{1C58687B-2B2A-4ED5-A038-DB565CC57D75}" dt="2023-08-02T07:37:17.890" v="0" actId="2711"/>
          <ac:spMkLst>
            <pc:docMk/>
            <pc:sldMk cId="4271709361" sldId="256"/>
            <ac:spMk id="4" creationId="{F7E3AC74-F0D7-479E-9B69-F73197BC2579}"/>
          </ac:spMkLst>
        </pc:spChg>
      </pc:sldChg>
      <pc:sldChg chg="del">
        <pc:chgData name="Bielecka, Aleksandra" userId="60353cab-9933-4252-8281-5e6a2ba630bd" providerId="ADAL" clId="{1C58687B-2B2A-4ED5-A038-DB565CC57D75}" dt="2023-08-02T08:10:28.047" v="312" actId="2696"/>
        <pc:sldMkLst>
          <pc:docMk/>
          <pc:sldMk cId="640209904" sldId="448"/>
        </pc:sldMkLst>
      </pc:sldChg>
      <pc:sldChg chg="delSp modSp mod modNotesTx">
        <pc:chgData name="Bielecka, Aleksandra" userId="60353cab-9933-4252-8281-5e6a2ba630bd" providerId="ADAL" clId="{1C58687B-2B2A-4ED5-A038-DB565CC57D75}" dt="2023-08-02T07:55:57.506" v="186" actId="123"/>
        <pc:sldMkLst>
          <pc:docMk/>
          <pc:sldMk cId="3451153309" sldId="613"/>
        </pc:sldMkLst>
        <pc:spChg chg="mod">
          <ac:chgData name="Bielecka, Aleksandra" userId="60353cab-9933-4252-8281-5e6a2ba630bd" providerId="ADAL" clId="{1C58687B-2B2A-4ED5-A038-DB565CC57D75}" dt="2023-08-02T07:55:57.506" v="186" actId="123"/>
          <ac:spMkLst>
            <pc:docMk/>
            <pc:sldMk cId="3451153309" sldId="613"/>
            <ac:spMk id="3" creationId="{53037C31-F27C-454E-BE4B-B3B1F95434C6}"/>
          </ac:spMkLst>
        </pc:spChg>
        <pc:spChg chg="mod">
          <ac:chgData name="Bielecka, Aleksandra" userId="60353cab-9933-4252-8281-5e6a2ba630bd" providerId="ADAL" clId="{1C58687B-2B2A-4ED5-A038-DB565CC57D75}" dt="2023-08-02T07:55:50.341" v="183" actId="2711"/>
          <ac:spMkLst>
            <pc:docMk/>
            <pc:sldMk cId="3451153309" sldId="613"/>
            <ac:spMk id="15" creationId="{C2156844-57B4-42D7-BD4D-B85469F696A2}"/>
          </ac:spMkLst>
        </pc:spChg>
        <pc:spChg chg="del">
          <ac:chgData name="Bielecka, Aleksandra" userId="60353cab-9933-4252-8281-5e6a2ba630bd" providerId="ADAL" clId="{1C58687B-2B2A-4ED5-A038-DB565CC57D75}" dt="2023-08-02T07:55:42.922" v="180" actId="478"/>
          <ac:spMkLst>
            <pc:docMk/>
            <pc:sldMk cId="3451153309" sldId="613"/>
            <ac:spMk id="17" creationId="{C7C96682-547E-4CEA-811B-6ABC08455ACD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8:00:49.483" v="191" actId="20577"/>
        <pc:sldMkLst>
          <pc:docMk/>
          <pc:sldMk cId="521049042" sldId="615"/>
        </pc:sldMkLst>
        <pc:spChg chg="mod">
          <ac:chgData name="Bielecka, Aleksandra" userId="60353cab-9933-4252-8281-5e6a2ba630bd" providerId="ADAL" clId="{1C58687B-2B2A-4ED5-A038-DB565CC57D75}" dt="2023-08-02T08:00:46.492" v="190" actId="14100"/>
          <ac:spMkLst>
            <pc:docMk/>
            <pc:sldMk cId="521049042" sldId="615"/>
            <ac:spMk id="3" creationId="{53037C31-F27C-454E-BE4B-B3B1F95434C6}"/>
          </ac:spMkLst>
        </pc:spChg>
        <pc:spChg chg="del">
          <ac:chgData name="Bielecka, Aleksandra" userId="60353cab-9933-4252-8281-5e6a2ba630bd" providerId="ADAL" clId="{1C58687B-2B2A-4ED5-A038-DB565CC57D75}" dt="2023-08-02T08:00:03.647" v="187" actId="478"/>
          <ac:spMkLst>
            <pc:docMk/>
            <pc:sldMk cId="521049042" sldId="615"/>
            <ac:spMk id="10" creationId="{AF699FCF-DB33-44AC-A320-C502BF492575}"/>
          </ac:spMkLst>
        </pc:spChg>
        <pc:spChg chg="mod">
          <ac:chgData name="Bielecka, Aleksandra" userId="60353cab-9933-4252-8281-5e6a2ba630bd" providerId="ADAL" clId="{1C58687B-2B2A-4ED5-A038-DB565CC57D75}" dt="2023-08-02T08:00:38.436" v="188" actId="2711"/>
          <ac:spMkLst>
            <pc:docMk/>
            <pc:sldMk cId="521049042" sldId="615"/>
            <ac:spMk id="16" creationId="{631AD8B8-62BE-4A6A-9EA1-BA7D1558C09E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10:33:36.926" v="316" actId="20577"/>
        <pc:sldMkLst>
          <pc:docMk/>
          <pc:sldMk cId="3076072218" sldId="779"/>
        </pc:sldMkLst>
        <pc:spChg chg="mod">
          <ac:chgData name="Bielecka, Aleksandra" userId="60353cab-9933-4252-8281-5e6a2ba630bd" providerId="ADAL" clId="{1C58687B-2B2A-4ED5-A038-DB565CC57D75}" dt="2023-08-02T08:02:01.669" v="207" actId="2711"/>
          <ac:spMkLst>
            <pc:docMk/>
            <pc:sldMk cId="3076072218" sldId="779"/>
            <ac:spMk id="2" creationId="{00000000-0000-0000-0000-000000000000}"/>
          </ac:spMkLst>
        </pc:spChg>
        <pc:spChg chg="del">
          <ac:chgData name="Bielecka, Aleksandra" userId="60353cab-9933-4252-8281-5e6a2ba630bd" providerId="ADAL" clId="{1C58687B-2B2A-4ED5-A038-DB565CC57D75}" dt="2023-08-02T08:01:22.673" v="192" actId="478"/>
          <ac:spMkLst>
            <pc:docMk/>
            <pc:sldMk cId="3076072218" sldId="779"/>
            <ac:spMk id="6" creationId="{CC9CBB03-5930-4DFF-BB05-4851C37A73A6}"/>
          </ac:spMkLst>
        </pc:spChg>
        <pc:spChg chg="mod">
          <ac:chgData name="Bielecka, Aleksandra" userId="60353cab-9933-4252-8281-5e6a2ba630bd" providerId="ADAL" clId="{1C58687B-2B2A-4ED5-A038-DB565CC57D75}" dt="2023-08-02T10:32:59.469" v="315" actId="20577"/>
          <ac:spMkLst>
            <pc:docMk/>
            <pc:sldMk cId="3076072218" sldId="779"/>
            <ac:spMk id="13" creationId="{00000000-0000-0000-0000-000000000000}"/>
          </ac:spMkLst>
        </pc:spChg>
        <pc:spChg chg="mod">
          <ac:chgData name="Bielecka, Aleksandra" userId="60353cab-9933-4252-8281-5e6a2ba630bd" providerId="ADAL" clId="{1C58687B-2B2A-4ED5-A038-DB565CC57D75}" dt="2023-08-02T10:33:36.926" v="316" actId="20577"/>
          <ac:spMkLst>
            <pc:docMk/>
            <pc:sldMk cId="3076072218" sldId="779"/>
            <ac:spMk id="20" creationId="{00000000-0000-0000-0000-000000000000}"/>
          </ac:spMkLst>
        </pc:spChg>
      </pc:sldChg>
      <pc:sldChg chg="modSp mod">
        <pc:chgData name="Bielecka, Aleksandra" userId="60353cab-9933-4252-8281-5e6a2ba630bd" providerId="ADAL" clId="{1C58687B-2B2A-4ED5-A038-DB565CC57D75}" dt="2023-08-02T07:38:13.420" v="1" actId="20577"/>
        <pc:sldMkLst>
          <pc:docMk/>
          <pc:sldMk cId="3310403281" sldId="927"/>
        </pc:sldMkLst>
        <pc:spChg chg="mod">
          <ac:chgData name="Bielecka, Aleksandra" userId="60353cab-9933-4252-8281-5e6a2ba630bd" providerId="ADAL" clId="{1C58687B-2B2A-4ED5-A038-DB565CC57D75}" dt="2023-08-02T07:38:13.420" v="1" actId="20577"/>
          <ac:spMkLst>
            <pc:docMk/>
            <pc:sldMk cId="3310403281" sldId="927"/>
            <ac:spMk id="11" creationId="{00000000-0000-0000-0000-000000000000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8:07:27.161" v="277" actId="14100"/>
        <pc:sldMkLst>
          <pc:docMk/>
          <pc:sldMk cId="3478744447" sldId="929"/>
        </pc:sldMkLst>
        <pc:spChg chg="mod">
          <ac:chgData name="Bielecka, Aleksandra" userId="60353cab-9933-4252-8281-5e6a2ba630bd" providerId="ADAL" clId="{1C58687B-2B2A-4ED5-A038-DB565CC57D75}" dt="2023-08-02T08:07:27.161" v="277" actId="14100"/>
          <ac:spMkLst>
            <pc:docMk/>
            <pc:sldMk cId="3478744447" sldId="929"/>
            <ac:spMk id="2" creationId="{C249F117-950A-402E-8FF7-3B6F8B4119DA}"/>
          </ac:spMkLst>
        </pc:spChg>
        <pc:spChg chg="mod">
          <ac:chgData name="Bielecka, Aleksandra" userId="60353cab-9933-4252-8281-5e6a2ba630bd" providerId="ADAL" clId="{1C58687B-2B2A-4ED5-A038-DB565CC57D75}" dt="2023-08-02T08:07:15.535" v="274" actId="2711"/>
          <ac:spMkLst>
            <pc:docMk/>
            <pc:sldMk cId="3478744447" sldId="929"/>
            <ac:spMk id="3" creationId="{5AF0A17B-3EE2-4F69-B414-0FB722700095}"/>
          </ac:spMkLst>
        </pc:spChg>
        <pc:spChg chg="del">
          <ac:chgData name="Bielecka, Aleksandra" userId="60353cab-9933-4252-8281-5e6a2ba630bd" providerId="ADAL" clId="{1C58687B-2B2A-4ED5-A038-DB565CC57D75}" dt="2023-08-02T08:07:10.918" v="273" actId="478"/>
          <ac:spMkLst>
            <pc:docMk/>
            <pc:sldMk cId="3478744447" sldId="929"/>
            <ac:spMk id="5" creationId="{B1E68A13-70DA-4E88-8FC6-21881F010773}"/>
          </ac:spMkLst>
        </pc:spChg>
      </pc:sldChg>
      <pc:sldChg chg="delSp modSp mod">
        <pc:chgData name="Bielecka, Aleksandra" userId="60353cab-9933-4252-8281-5e6a2ba630bd" providerId="ADAL" clId="{1C58687B-2B2A-4ED5-A038-DB565CC57D75}" dt="2023-08-02T08:07:46.608" v="279" actId="2711"/>
        <pc:sldMkLst>
          <pc:docMk/>
          <pc:sldMk cId="1105206485" sldId="931"/>
        </pc:sldMkLst>
        <pc:spChg chg="mod">
          <ac:chgData name="Bielecka, Aleksandra" userId="60353cab-9933-4252-8281-5e6a2ba630bd" providerId="ADAL" clId="{1C58687B-2B2A-4ED5-A038-DB565CC57D75}" dt="2023-08-02T08:07:46.608" v="279" actId="2711"/>
          <ac:spMkLst>
            <pc:docMk/>
            <pc:sldMk cId="1105206485" sldId="931"/>
            <ac:spMk id="2" creationId="{00000000-0000-0000-0000-000000000000}"/>
          </ac:spMkLst>
        </pc:spChg>
        <pc:spChg chg="del">
          <ac:chgData name="Bielecka, Aleksandra" userId="60353cab-9933-4252-8281-5e6a2ba630bd" providerId="ADAL" clId="{1C58687B-2B2A-4ED5-A038-DB565CC57D75}" dt="2023-08-02T08:07:40.961" v="278" actId="478"/>
          <ac:spMkLst>
            <pc:docMk/>
            <pc:sldMk cId="1105206485" sldId="931"/>
            <ac:spMk id="3" creationId="{08480A94-5109-4E5A-96F1-069D04AE7684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7:45:04.452" v="60" actId="14734"/>
        <pc:sldMkLst>
          <pc:docMk/>
          <pc:sldMk cId="2609577895" sldId="943"/>
        </pc:sldMkLst>
        <pc:spChg chg="mod">
          <ac:chgData name="Bielecka, Aleksandra" userId="60353cab-9933-4252-8281-5e6a2ba630bd" providerId="ADAL" clId="{1C58687B-2B2A-4ED5-A038-DB565CC57D75}" dt="2023-08-02T07:44:43.204" v="54" actId="2711"/>
          <ac:spMkLst>
            <pc:docMk/>
            <pc:sldMk cId="2609577895" sldId="943"/>
            <ac:spMk id="2" creationId="{00000000-0000-0000-0000-000000000000}"/>
          </ac:spMkLst>
        </pc:spChg>
        <pc:spChg chg="del">
          <ac:chgData name="Bielecka, Aleksandra" userId="60353cab-9933-4252-8281-5e6a2ba630bd" providerId="ADAL" clId="{1C58687B-2B2A-4ED5-A038-DB565CC57D75}" dt="2023-08-02T07:44:36.271" v="52" actId="478"/>
          <ac:spMkLst>
            <pc:docMk/>
            <pc:sldMk cId="2609577895" sldId="943"/>
            <ac:spMk id="6" creationId="{6AB1B180-F959-4BA5-8B36-D0917323020D}"/>
          </ac:spMkLst>
        </pc:spChg>
        <pc:graphicFrameChg chg="modGraphic">
          <ac:chgData name="Bielecka, Aleksandra" userId="60353cab-9933-4252-8281-5e6a2ba630bd" providerId="ADAL" clId="{1C58687B-2B2A-4ED5-A038-DB565CC57D75}" dt="2023-08-02T07:45:04.452" v="60" actId="14734"/>
          <ac:graphicFrameMkLst>
            <pc:docMk/>
            <pc:sldMk cId="2609577895" sldId="943"/>
            <ac:graphicFrameMk id="3" creationId="{968E6FAC-C66B-46FC-AC1D-12DEE44097EC}"/>
          </ac:graphicFrameMkLst>
        </pc:graphicFrameChg>
      </pc:sldChg>
      <pc:sldChg chg="delSp modSp mod modNotesTx">
        <pc:chgData name="Bielecka, Aleksandra" userId="60353cab-9933-4252-8281-5e6a2ba630bd" providerId="ADAL" clId="{1C58687B-2B2A-4ED5-A038-DB565CC57D75}" dt="2023-08-02T07:45:36.336" v="67" actId="123"/>
        <pc:sldMkLst>
          <pc:docMk/>
          <pc:sldMk cId="1558108892" sldId="946"/>
        </pc:sldMkLst>
        <pc:spChg chg="mod">
          <ac:chgData name="Bielecka, Aleksandra" userId="60353cab-9933-4252-8281-5e6a2ba630bd" providerId="ADAL" clId="{1C58687B-2B2A-4ED5-A038-DB565CC57D75}" dt="2023-08-02T07:45:33.964" v="66" actId="123"/>
          <ac:spMkLst>
            <pc:docMk/>
            <pc:sldMk cId="1558108892" sldId="946"/>
            <ac:spMk id="2" creationId="{FC61BD2A-E2C6-4F7D-9A6A-D2090BF57EDB}"/>
          </ac:spMkLst>
        </pc:spChg>
        <pc:spChg chg="mod">
          <ac:chgData name="Bielecka, Aleksandra" userId="60353cab-9933-4252-8281-5e6a2ba630bd" providerId="ADAL" clId="{1C58687B-2B2A-4ED5-A038-DB565CC57D75}" dt="2023-08-02T07:45:21.109" v="63" actId="2711"/>
          <ac:spMkLst>
            <pc:docMk/>
            <pc:sldMk cId="1558108892" sldId="946"/>
            <ac:spMk id="3" creationId="{ED07D945-43DC-49A5-9678-F91CDEED90A2}"/>
          </ac:spMkLst>
        </pc:spChg>
        <pc:spChg chg="del">
          <ac:chgData name="Bielecka, Aleksandra" userId="60353cab-9933-4252-8281-5e6a2ba630bd" providerId="ADAL" clId="{1C58687B-2B2A-4ED5-A038-DB565CC57D75}" dt="2023-08-02T07:45:16.601" v="62" actId="478"/>
          <ac:spMkLst>
            <pc:docMk/>
            <pc:sldMk cId="1558108892" sldId="946"/>
            <ac:spMk id="20" creationId="{7C4E3998-3E30-4D7E-8D8C-BAA20B4DCD7E}"/>
          </ac:spMkLst>
        </pc:spChg>
        <pc:spChg chg="mod">
          <ac:chgData name="Bielecka, Aleksandra" userId="60353cab-9933-4252-8281-5e6a2ba630bd" providerId="ADAL" clId="{1C58687B-2B2A-4ED5-A038-DB565CC57D75}" dt="2023-08-02T07:45:36.336" v="67" actId="123"/>
          <ac:spMkLst>
            <pc:docMk/>
            <pc:sldMk cId="1558108892" sldId="946"/>
            <ac:spMk id="27" creationId="{C593D8BA-4162-4762-9229-43EDD1C9FF1A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7:46:29.246" v="72" actId="255"/>
        <pc:sldMkLst>
          <pc:docMk/>
          <pc:sldMk cId="2739506492" sldId="948"/>
        </pc:sldMkLst>
        <pc:spChg chg="mod">
          <ac:chgData name="Bielecka, Aleksandra" userId="60353cab-9933-4252-8281-5e6a2ba630bd" providerId="ADAL" clId="{1C58687B-2B2A-4ED5-A038-DB565CC57D75}" dt="2023-08-02T07:46:16.892" v="70" actId="2711"/>
          <ac:spMkLst>
            <pc:docMk/>
            <pc:sldMk cId="2739506492" sldId="948"/>
            <ac:spMk id="3" creationId="{7135C251-E0B4-4377-97EE-DCF51835727F}"/>
          </ac:spMkLst>
        </pc:spChg>
        <pc:spChg chg="del">
          <ac:chgData name="Bielecka, Aleksandra" userId="60353cab-9933-4252-8281-5e6a2ba630bd" providerId="ADAL" clId="{1C58687B-2B2A-4ED5-A038-DB565CC57D75}" dt="2023-08-02T07:45:47.289" v="68" actId="478"/>
          <ac:spMkLst>
            <pc:docMk/>
            <pc:sldMk cId="2739506492" sldId="948"/>
            <ac:spMk id="6" creationId="{49111F59-EE28-4AEB-A49B-EE4CBB372C12}"/>
          </ac:spMkLst>
        </pc:spChg>
        <pc:graphicFrameChg chg="modGraphic">
          <ac:chgData name="Bielecka, Aleksandra" userId="60353cab-9933-4252-8281-5e6a2ba630bd" providerId="ADAL" clId="{1C58687B-2B2A-4ED5-A038-DB565CC57D75}" dt="2023-08-02T07:46:29.246" v="72" actId="255"/>
          <ac:graphicFrameMkLst>
            <pc:docMk/>
            <pc:sldMk cId="2739506492" sldId="948"/>
            <ac:graphicFrameMk id="7" creationId="{18B75EB0-C030-4A70-8B4C-F83D8C3DB111}"/>
          </ac:graphicFrameMkLst>
        </pc:graphicFrameChg>
      </pc:sldChg>
      <pc:sldChg chg="delSp modSp mod modNotesTx">
        <pc:chgData name="Bielecka, Aleksandra" userId="60353cab-9933-4252-8281-5e6a2ba630bd" providerId="ADAL" clId="{1C58687B-2B2A-4ED5-A038-DB565CC57D75}" dt="2023-08-02T07:49:16.626" v="79" actId="123"/>
        <pc:sldMkLst>
          <pc:docMk/>
          <pc:sldMk cId="257144374" sldId="950"/>
        </pc:sldMkLst>
        <pc:spChg chg="mod">
          <ac:chgData name="Bielecka, Aleksandra" userId="60353cab-9933-4252-8281-5e6a2ba630bd" providerId="ADAL" clId="{1C58687B-2B2A-4ED5-A038-DB565CC57D75}" dt="2023-08-02T07:48:59.409" v="75" actId="2711"/>
          <ac:spMkLst>
            <pc:docMk/>
            <pc:sldMk cId="257144374" sldId="950"/>
            <ac:spMk id="3" creationId="{ED07D945-43DC-49A5-9678-F91CDEED90A2}"/>
          </ac:spMkLst>
        </pc:spChg>
        <pc:spChg chg="mod">
          <ac:chgData name="Bielecka, Aleksandra" userId="60353cab-9933-4252-8281-5e6a2ba630bd" providerId="ADAL" clId="{1C58687B-2B2A-4ED5-A038-DB565CC57D75}" dt="2023-08-02T07:49:04.368" v="77" actId="2711"/>
          <ac:spMkLst>
            <pc:docMk/>
            <pc:sldMk cId="257144374" sldId="950"/>
            <ac:spMk id="11" creationId="{DC714E01-2B6F-401C-B80C-C0F05A1030F4}"/>
          </ac:spMkLst>
        </pc:spChg>
        <pc:spChg chg="del">
          <ac:chgData name="Bielecka, Aleksandra" userId="60353cab-9933-4252-8281-5e6a2ba630bd" providerId="ADAL" clId="{1C58687B-2B2A-4ED5-A038-DB565CC57D75}" dt="2023-08-02T07:48:54.276" v="74" actId="478"/>
          <ac:spMkLst>
            <pc:docMk/>
            <pc:sldMk cId="257144374" sldId="950"/>
            <ac:spMk id="20" creationId="{EC673E60-72F0-4061-88E6-001F91709955}"/>
          </ac:spMkLst>
        </pc:spChg>
        <pc:spChg chg="mod">
          <ac:chgData name="Bielecka, Aleksandra" userId="60353cab-9933-4252-8281-5e6a2ba630bd" providerId="ADAL" clId="{1C58687B-2B2A-4ED5-A038-DB565CC57D75}" dt="2023-08-02T07:49:16.626" v="79" actId="123"/>
          <ac:spMkLst>
            <pc:docMk/>
            <pc:sldMk cId="257144374" sldId="950"/>
            <ac:spMk id="31" creationId="{3E518924-6140-4604-966D-75D38AAB8706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7:49:48.381" v="85" actId="255"/>
        <pc:sldMkLst>
          <pc:docMk/>
          <pc:sldMk cId="850135549" sldId="952"/>
        </pc:sldMkLst>
        <pc:spChg chg="mod">
          <ac:chgData name="Bielecka, Aleksandra" userId="60353cab-9933-4252-8281-5e6a2ba630bd" providerId="ADAL" clId="{1C58687B-2B2A-4ED5-A038-DB565CC57D75}" dt="2023-08-02T07:49:41.659" v="83" actId="2711"/>
          <ac:spMkLst>
            <pc:docMk/>
            <pc:sldMk cId="850135549" sldId="952"/>
            <ac:spMk id="3" creationId="{7135C251-E0B4-4377-97EE-DCF51835727F}"/>
          </ac:spMkLst>
        </pc:spChg>
        <pc:spChg chg="del">
          <ac:chgData name="Bielecka, Aleksandra" userId="60353cab-9933-4252-8281-5e6a2ba630bd" providerId="ADAL" clId="{1C58687B-2B2A-4ED5-A038-DB565CC57D75}" dt="2023-08-02T07:49:37.221" v="82" actId="478"/>
          <ac:spMkLst>
            <pc:docMk/>
            <pc:sldMk cId="850135549" sldId="952"/>
            <ac:spMk id="7" creationId="{2382B02F-BC82-4106-83C9-876CE2A34784}"/>
          </ac:spMkLst>
        </pc:spChg>
        <pc:graphicFrameChg chg="modGraphic">
          <ac:chgData name="Bielecka, Aleksandra" userId="60353cab-9933-4252-8281-5e6a2ba630bd" providerId="ADAL" clId="{1C58687B-2B2A-4ED5-A038-DB565CC57D75}" dt="2023-08-02T07:49:48.381" v="85" actId="255"/>
          <ac:graphicFrameMkLst>
            <pc:docMk/>
            <pc:sldMk cId="850135549" sldId="952"/>
            <ac:graphicFrameMk id="6" creationId="{B4ECE120-33E9-4E02-B2A3-D4BD689DEC86}"/>
          </ac:graphicFrameMkLst>
        </pc:graphicFrameChg>
      </pc:sldChg>
      <pc:sldChg chg="delSp modSp mod modNotesTx">
        <pc:chgData name="Bielecka, Aleksandra" userId="60353cab-9933-4252-8281-5e6a2ba630bd" providerId="ADAL" clId="{1C58687B-2B2A-4ED5-A038-DB565CC57D75}" dt="2023-08-02T07:50:05.939" v="90" actId="255"/>
        <pc:sldMkLst>
          <pc:docMk/>
          <pc:sldMk cId="1921928763" sldId="956"/>
        </pc:sldMkLst>
        <pc:spChg chg="mod">
          <ac:chgData name="Bielecka, Aleksandra" userId="60353cab-9933-4252-8281-5e6a2ba630bd" providerId="ADAL" clId="{1C58687B-2B2A-4ED5-A038-DB565CC57D75}" dt="2023-08-02T07:49:58.251" v="88" actId="2711"/>
          <ac:spMkLst>
            <pc:docMk/>
            <pc:sldMk cId="1921928763" sldId="956"/>
            <ac:spMk id="3" creationId="{7135C251-E0B4-4377-97EE-DCF51835727F}"/>
          </ac:spMkLst>
        </pc:spChg>
        <pc:spChg chg="del">
          <ac:chgData name="Bielecka, Aleksandra" userId="60353cab-9933-4252-8281-5e6a2ba630bd" providerId="ADAL" clId="{1C58687B-2B2A-4ED5-A038-DB565CC57D75}" dt="2023-08-02T07:49:51.826" v="86" actId="478"/>
          <ac:spMkLst>
            <pc:docMk/>
            <pc:sldMk cId="1921928763" sldId="956"/>
            <ac:spMk id="4" creationId="{85F14913-FA14-417C-8D50-6752947B0F29}"/>
          </ac:spMkLst>
        </pc:spChg>
        <pc:graphicFrameChg chg="modGraphic">
          <ac:chgData name="Bielecka, Aleksandra" userId="60353cab-9933-4252-8281-5e6a2ba630bd" providerId="ADAL" clId="{1C58687B-2B2A-4ED5-A038-DB565CC57D75}" dt="2023-08-02T07:50:05.939" v="90" actId="255"/>
          <ac:graphicFrameMkLst>
            <pc:docMk/>
            <pc:sldMk cId="1921928763" sldId="956"/>
            <ac:graphicFrameMk id="6" creationId="{75602B08-BEAC-4E22-8003-96E220C01FCF}"/>
          </ac:graphicFrameMkLst>
        </pc:graphicFrameChg>
      </pc:sldChg>
      <pc:sldChg chg="delSp modSp mod modNotesTx">
        <pc:chgData name="Bielecka, Aleksandra" userId="60353cab-9933-4252-8281-5e6a2ba630bd" providerId="ADAL" clId="{1C58687B-2B2A-4ED5-A038-DB565CC57D75}" dt="2023-08-02T07:51:02.283" v="106" actId="255"/>
        <pc:sldMkLst>
          <pc:docMk/>
          <pc:sldMk cId="1324457146" sldId="960"/>
        </pc:sldMkLst>
        <pc:spChg chg="mod">
          <ac:chgData name="Bielecka, Aleksandra" userId="60353cab-9933-4252-8281-5e6a2ba630bd" providerId="ADAL" clId="{1C58687B-2B2A-4ED5-A038-DB565CC57D75}" dt="2023-08-02T07:50:52.443" v="102" actId="2711"/>
          <ac:spMkLst>
            <pc:docMk/>
            <pc:sldMk cId="1324457146" sldId="960"/>
            <ac:spMk id="3" creationId="{7135C251-E0B4-4377-97EE-DCF51835727F}"/>
          </ac:spMkLst>
        </pc:spChg>
        <pc:spChg chg="del">
          <ac:chgData name="Bielecka, Aleksandra" userId="60353cab-9933-4252-8281-5e6a2ba630bd" providerId="ADAL" clId="{1C58687B-2B2A-4ED5-A038-DB565CC57D75}" dt="2023-08-02T07:50:54.303" v="103" actId="478"/>
          <ac:spMkLst>
            <pc:docMk/>
            <pc:sldMk cId="1324457146" sldId="960"/>
            <ac:spMk id="7" creationId="{357EFC44-E4A1-4081-9F62-1AD900952C15}"/>
          </ac:spMkLst>
        </pc:spChg>
        <pc:graphicFrameChg chg="modGraphic">
          <ac:chgData name="Bielecka, Aleksandra" userId="60353cab-9933-4252-8281-5e6a2ba630bd" providerId="ADAL" clId="{1C58687B-2B2A-4ED5-A038-DB565CC57D75}" dt="2023-08-02T07:51:02.283" v="106" actId="255"/>
          <ac:graphicFrameMkLst>
            <pc:docMk/>
            <pc:sldMk cId="1324457146" sldId="960"/>
            <ac:graphicFrameMk id="6" creationId="{135A06F4-6685-44C7-AC8E-3A608877C10F}"/>
          </ac:graphicFrameMkLst>
        </pc:graphicFrameChg>
      </pc:sldChg>
      <pc:sldChg chg="delSp modSp mod modNotesTx">
        <pc:chgData name="Bielecka, Aleksandra" userId="60353cab-9933-4252-8281-5e6a2ba630bd" providerId="ADAL" clId="{1C58687B-2B2A-4ED5-A038-DB565CC57D75}" dt="2023-08-02T07:51:59.461" v="122" actId="255"/>
        <pc:sldMkLst>
          <pc:docMk/>
          <pc:sldMk cId="3482414414" sldId="964"/>
        </pc:sldMkLst>
        <pc:spChg chg="mod">
          <ac:chgData name="Bielecka, Aleksandra" userId="60353cab-9933-4252-8281-5e6a2ba630bd" providerId="ADAL" clId="{1C58687B-2B2A-4ED5-A038-DB565CC57D75}" dt="2023-08-02T07:51:54.107" v="120" actId="2711"/>
          <ac:spMkLst>
            <pc:docMk/>
            <pc:sldMk cId="3482414414" sldId="964"/>
            <ac:spMk id="3" creationId="{7135C251-E0B4-4377-97EE-DCF51835727F}"/>
          </ac:spMkLst>
        </pc:spChg>
        <pc:spChg chg="del">
          <ac:chgData name="Bielecka, Aleksandra" userId="60353cab-9933-4252-8281-5e6a2ba630bd" providerId="ADAL" clId="{1C58687B-2B2A-4ED5-A038-DB565CC57D75}" dt="2023-08-02T07:51:43.608" v="118" actId="478"/>
          <ac:spMkLst>
            <pc:docMk/>
            <pc:sldMk cId="3482414414" sldId="964"/>
            <ac:spMk id="7" creationId="{10F1360E-1AF7-48AB-8878-F3D19638F202}"/>
          </ac:spMkLst>
        </pc:spChg>
        <pc:graphicFrameChg chg="modGraphic">
          <ac:chgData name="Bielecka, Aleksandra" userId="60353cab-9933-4252-8281-5e6a2ba630bd" providerId="ADAL" clId="{1C58687B-2B2A-4ED5-A038-DB565CC57D75}" dt="2023-08-02T07:51:59.461" v="122" actId="255"/>
          <ac:graphicFrameMkLst>
            <pc:docMk/>
            <pc:sldMk cId="3482414414" sldId="964"/>
            <ac:graphicFrameMk id="6" creationId="{00393A3A-29D3-48F9-A8C0-E8FFF8120D9B}"/>
          </ac:graphicFrameMkLst>
        </pc:graphicFrameChg>
      </pc:sldChg>
      <pc:sldChg chg="delSp modSp mod modNotesTx">
        <pc:chgData name="Bielecka, Aleksandra" userId="60353cab-9933-4252-8281-5e6a2ba630bd" providerId="ADAL" clId="{1C58687B-2B2A-4ED5-A038-DB565CC57D75}" dt="2023-08-02T07:52:53.179" v="137" actId="255"/>
        <pc:sldMkLst>
          <pc:docMk/>
          <pc:sldMk cId="88488408" sldId="968"/>
        </pc:sldMkLst>
        <pc:spChg chg="mod">
          <ac:chgData name="Bielecka, Aleksandra" userId="60353cab-9933-4252-8281-5e6a2ba630bd" providerId="ADAL" clId="{1C58687B-2B2A-4ED5-A038-DB565CC57D75}" dt="2023-08-02T07:52:42.841" v="135" actId="1076"/>
          <ac:spMkLst>
            <pc:docMk/>
            <pc:sldMk cId="88488408" sldId="968"/>
            <ac:spMk id="3" creationId="{7135C251-E0B4-4377-97EE-DCF51835727F}"/>
          </ac:spMkLst>
        </pc:spChg>
        <pc:spChg chg="del">
          <ac:chgData name="Bielecka, Aleksandra" userId="60353cab-9933-4252-8281-5e6a2ba630bd" providerId="ADAL" clId="{1C58687B-2B2A-4ED5-A038-DB565CC57D75}" dt="2023-08-02T07:52:32.107" v="131" actId="478"/>
          <ac:spMkLst>
            <pc:docMk/>
            <pc:sldMk cId="88488408" sldId="968"/>
            <ac:spMk id="6" creationId="{BB544BC6-931D-4221-9BEF-16461702FC08}"/>
          </ac:spMkLst>
        </pc:spChg>
        <pc:graphicFrameChg chg="mod modGraphic">
          <ac:chgData name="Bielecka, Aleksandra" userId="60353cab-9933-4252-8281-5e6a2ba630bd" providerId="ADAL" clId="{1C58687B-2B2A-4ED5-A038-DB565CC57D75}" dt="2023-08-02T07:52:53.179" v="137" actId="255"/>
          <ac:graphicFrameMkLst>
            <pc:docMk/>
            <pc:sldMk cId="88488408" sldId="968"/>
            <ac:graphicFrameMk id="7" creationId="{210EC90C-865A-4DF1-ABCD-897FE9E6B3FC}"/>
          </ac:graphicFrameMkLst>
        </pc:graphicFrameChg>
      </pc:sldChg>
      <pc:sldChg chg="delSp modSp mod modNotesTx">
        <pc:chgData name="Bielecka, Aleksandra" userId="60353cab-9933-4252-8281-5e6a2ba630bd" providerId="ADAL" clId="{1C58687B-2B2A-4ED5-A038-DB565CC57D75}" dt="2023-08-02T07:53:40.988" v="149" actId="255"/>
        <pc:sldMkLst>
          <pc:docMk/>
          <pc:sldMk cId="1002177974" sldId="972"/>
        </pc:sldMkLst>
        <pc:spChg chg="mod">
          <ac:chgData name="Bielecka, Aleksandra" userId="60353cab-9933-4252-8281-5e6a2ba630bd" providerId="ADAL" clId="{1C58687B-2B2A-4ED5-A038-DB565CC57D75}" dt="2023-08-02T07:53:32.763" v="147" actId="2711"/>
          <ac:spMkLst>
            <pc:docMk/>
            <pc:sldMk cId="1002177974" sldId="972"/>
            <ac:spMk id="3" creationId="{7135C251-E0B4-4377-97EE-DCF51835727F}"/>
          </ac:spMkLst>
        </pc:spChg>
        <pc:spChg chg="del">
          <ac:chgData name="Bielecka, Aleksandra" userId="60353cab-9933-4252-8281-5e6a2ba630bd" providerId="ADAL" clId="{1C58687B-2B2A-4ED5-A038-DB565CC57D75}" dt="2023-08-02T07:53:25.979" v="145" actId="478"/>
          <ac:spMkLst>
            <pc:docMk/>
            <pc:sldMk cId="1002177974" sldId="972"/>
            <ac:spMk id="7" creationId="{E89E04BD-26D9-4DBB-B7D7-6926733F4366}"/>
          </ac:spMkLst>
        </pc:spChg>
        <pc:graphicFrameChg chg="modGraphic">
          <ac:chgData name="Bielecka, Aleksandra" userId="60353cab-9933-4252-8281-5e6a2ba630bd" providerId="ADAL" clId="{1C58687B-2B2A-4ED5-A038-DB565CC57D75}" dt="2023-08-02T07:53:40.988" v="149" actId="255"/>
          <ac:graphicFrameMkLst>
            <pc:docMk/>
            <pc:sldMk cId="1002177974" sldId="972"/>
            <ac:graphicFrameMk id="6" creationId="{8B2BAC62-557B-4B3E-810A-05BAFE10BCE1}"/>
          </ac:graphicFrameMkLst>
        </pc:graphicFrameChg>
      </pc:sldChg>
      <pc:sldChg chg="delSp modSp mod modNotesTx">
        <pc:chgData name="Bielecka, Aleksandra" userId="60353cab-9933-4252-8281-5e6a2ba630bd" providerId="ADAL" clId="{1C58687B-2B2A-4ED5-A038-DB565CC57D75}" dt="2023-08-02T08:09:18.714" v="297" actId="255"/>
        <pc:sldMkLst>
          <pc:docMk/>
          <pc:sldMk cId="2671690246" sldId="978"/>
        </pc:sldMkLst>
        <pc:spChg chg="mod">
          <ac:chgData name="Bielecka, Aleksandra" userId="60353cab-9933-4252-8281-5e6a2ba630bd" providerId="ADAL" clId="{1C58687B-2B2A-4ED5-A038-DB565CC57D75}" dt="2023-08-02T08:08:57.833" v="295" actId="2711"/>
          <ac:spMkLst>
            <pc:docMk/>
            <pc:sldMk cId="2671690246" sldId="978"/>
            <ac:spMk id="3" creationId="{C2EBCD24-8184-48EB-A5F2-C76EF8026A7B}"/>
          </ac:spMkLst>
        </pc:spChg>
        <pc:spChg chg="del">
          <ac:chgData name="Bielecka, Aleksandra" userId="60353cab-9933-4252-8281-5e6a2ba630bd" providerId="ADAL" clId="{1C58687B-2B2A-4ED5-A038-DB565CC57D75}" dt="2023-08-02T08:08:53.313" v="294" actId="478"/>
          <ac:spMkLst>
            <pc:docMk/>
            <pc:sldMk cId="2671690246" sldId="978"/>
            <ac:spMk id="6" creationId="{E35F0B83-C1AA-4DF6-A4AA-41E679620D6E}"/>
          </ac:spMkLst>
        </pc:spChg>
        <pc:graphicFrameChg chg="modGraphic">
          <ac:chgData name="Bielecka, Aleksandra" userId="60353cab-9933-4252-8281-5e6a2ba630bd" providerId="ADAL" clId="{1C58687B-2B2A-4ED5-A038-DB565CC57D75}" dt="2023-08-02T08:09:18.714" v="297" actId="255"/>
          <ac:graphicFrameMkLst>
            <pc:docMk/>
            <pc:sldMk cId="2671690246" sldId="978"/>
            <ac:graphicFrameMk id="4" creationId="{5DBAB3C2-C995-4C06-B010-F40BFC7F3AD9}"/>
          </ac:graphicFrameMkLst>
        </pc:graphicFrameChg>
      </pc:sldChg>
      <pc:sldChg chg="delSp modSp mod">
        <pc:chgData name="Bielecka, Aleksandra" userId="60353cab-9933-4252-8281-5e6a2ba630bd" providerId="ADAL" clId="{1C58687B-2B2A-4ED5-A038-DB565CC57D75}" dt="2023-08-02T08:10:00.723" v="310" actId="20577"/>
        <pc:sldMkLst>
          <pc:docMk/>
          <pc:sldMk cId="3372683521" sldId="979"/>
        </pc:sldMkLst>
        <pc:spChg chg="mod">
          <ac:chgData name="Bielecka, Aleksandra" userId="60353cab-9933-4252-8281-5e6a2ba630bd" providerId="ADAL" clId="{1C58687B-2B2A-4ED5-A038-DB565CC57D75}" dt="2023-08-02T08:10:00.723" v="310" actId="20577"/>
          <ac:spMkLst>
            <pc:docMk/>
            <pc:sldMk cId="3372683521" sldId="979"/>
            <ac:spMk id="2" creationId="{3B7443E8-D08F-4211-B0E4-028279A82079}"/>
          </ac:spMkLst>
        </pc:spChg>
        <pc:spChg chg="mod">
          <ac:chgData name="Bielecka, Aleksandra" userId="60353cab-9933-4252-8281-5e6a2ba630bd" providerId="ADAL" clId="{1C58687B-2B2A-4ED5-A038-DB565CC57D75}" dt="2023-08-02T08:09:26.969" v="298" actId="2711"/>
          <ac:spMkLst>
            <pc:docMk/>
            <pc:sldMk cId="3372683521" sldId="979"/>
            <ac:spMk id="3" creationId="{E745CFC1-25D8-4E1B-A9B5-7C219DF35699}"/>
          </ac:spMkLst>
        </pc:spChg>
        <pc:spChg chg="del">
          <ac:chgData name="Bielecka, Aleksandra" userId="60353cab-9933-4252-8281-5e6a2ba630bd" providerId="ADAL" clId="{1C58687B-2B2A-4ED5-A038-DB565CC57D75}" dt="2023-08-02T08:09:28.404" v="299" actId="478"/>
          <ac:spMkLst>
            <pc:docMk/>
            <pc:sldMk cId="3372683521" sldId="979"/>
            <ac:spMk id="5" creationId="{4BFFD95B-3317-466F-A6AB-0092DE61B97A}"/>
          </ac:spMkLst>
        </pc:spChg>
        <pc:graphicFrameChg chg="modGraphic">
          <ac:chgData name="Bielecka, Aleksandra" userId="60353cab-9933-4252-8281-5e6a2ba630bd" providerId="ADAL" clId="{1C58687B-2B2A-4ED5-A038-DB565CC57D75}" dt="2023-08-02T08:09:34.787" v="301" actId="2711"/>
          <ac:graphicFrameMkLst>
            <pc:docMk/>
            <pc:sldMk cId="3372683521" sldId="979"/>
            <ac:graphicFrameMk id="4" creationId="{571A9234-EA6A-4BC5-BA1D-C6A2AE0B7B13}"/>
          </ac:graphicFrameMkLst>
        </pc:graphicFrameChg>
      </pc:sldChg>
      <pc:sldChg chg="delSp modSp mod modNotesTx">
        <pc:chgData name="Bielecka, Aleksandra" userId="60353cab-9933-4252-8281-5e6a2ba630bd" providerId="ADAL" clId="{1C58687B-2B2A-4ED5-A038-DB565CC57D75}" dt="2023-08-02T07:44:00.580" v="45" actId="255"/>
        <pc:sldMkLst>
          <pc:docMk/>
          <pc:sldMk cId="2915571563" sldId="995"/>
        </pc:sldMkLst>
        <pc:spChg chg="mod">
          <ac:chgData name="Bielecka, Aleksandra" userId="60353cab-9933-4252-8281-5e6a2ba630bd" providerId="ADAL" clId="{1C58687B-2B2A-4ED5-A038-DB565CC57D75}" dt="2023-08-02T07:43:53.820" v="43" actId="2711"/>
          <ac:spMkLst>
            <pc:docMk/>
            <pc:sldMk cId="2915571563" sldId="995"/>
            <ac:spMk id="2" creationId="{00000000-0000-0000-0000-000000000000}"/>
          </ac:spMkLst>
        </pc:spChg>
        <pc:spChg chg="del mod">
          <ac:chgData name="Bielecka, Aleksandra" userId="60353cab-9933-4252-8281-5e6a2ba630bd" providerId="ADAL" clId="{1C58687B-2B2A-4ED5-A038-DB565CC57D75}" dt="2023-08-02T07:43:49.415" v="42" actId="478"/>
          <ac:spMkLst>
            <pc:docMk/>
            <pc:sldMk cId="2915571563" sldId="995"/>
            <ac:spMk id="7" creationId="{9B3FCEBF-4CAB-4418-ACCA-5504D03CD0E5}"/>
          </ac:spMkLst>
        </pc:spChg>
        <pc:graphicFrameChg chg="modGraphic">
          <ac:chgData name="Bielecka, Aleksandra" userId="60353cab-9933-4252-8281-5e6a2ba630bd" providerId="ADAL" clId="{1C58687B-2B2A-4ED5-A038-DB565CC57D75}" dt="2023-08-02T07:44:00.580" v="45" actId="255"/>
          <ac:graphicFrameMkLst>
            <pc:docMk/>
            <pc:sldMk cId="2915571563" sldId="995"/>
            <ac:graphicFrameMk id="6" creationId="{504BC402-8E2F-49BA-80A7-406408F8232A}"/>
          </ac:graphicFrameMkLst>
        </pc:graphicFrameChg>
      </pc:sldChg>
      <pc:sldChg chg="delSp modSp mod modNotesTx">
        <pc:chgData name="Bielecka, Aleksandra" userId="60353cab-9933-4252-8281-5e6a2ba630bd" providerId="ADAL" clId="{1C58687B-2B2A-4ED5-A038-DB565CC57D75}" dt="2023-08-02T07:44:27.853" v="51" actId="255"/>
        <pc:sldMkLst>
          <pc:docMk/>
          <pc:sldMk cId="2037237330" sldId="996"/>
        </pc:sldMkLst>
        <pc:spChg chg="mod">
          <ac:chgData name="Bielecka, Aleksandra" userId="60353cab-9933-4252-8281-5e6a2ba630bd" providerId="ADAL" clId="{1C58687B-2B2A-4ED5-A038-DB565CC57D75}" dt="2023-08-02T07:44:19.859" v="48" actId="2711"/>
          <ac:spMkLst>
            <pc:docMk/>
            <pc:sldMk cId="2037237330" sldId="996"/>
            <ac:spMk id="2" creationId="{00000000-0000-0000-0000-000000000000}"/>
          </ac:spMkLst>
        </pc:spChg>
        <pc:spChg chg="del">
          <ac:chgData name="Bielecka, Aleksandra" userId="60353cab-9933-4252-8281-5e6a2ba630bd" providerId="ADAL" clId="{1C58687B-2B2A-4ED5-A038-DB565CC57D75}" dt="2023-08-02T07:44:10.451" v="47" actId="478"/>
          <ac:spMkLst>
            <pc:docMk/>
            <pc:sldMk cId="2037237330" sldId="996"/>
            <ac:spMk id="7" creationId="{0AA05731-B8BC-4633-B652-FCC8DA803715}"/>
          </ac:spMkLst>
        </pc:spChg>
        <pc:graphicFrameChg chg="modGraphic">
          <ac:chgData name="Bielecka, Aleksandra" userId="60353cab-9933-4252-8281-5e6a2ba630bd" providerId="ADAL" clId="{1C58687B-2B2A-4ED5-A038-DB565CC57D75}" dt="2023-08-02T07:44:27.853" v="51" actId="255"/>
          <ac:graphicFrameMkLst>
            <pc:docMk/>
            <pc:sldMk cId="2037237330" sldId="996"/>
            <ac:graphicFrameMk id="6" creationId="{504BC402-8E2F-49BA-80A7-406408F8232A}"/>
          </ac:graphicFrameMkLst>
        </pc:graphicFrameChg>
      </pc:sldChg>
      <pc:sldChg chg="delSp modSp mod modNotesTx">
        <pc:chgData name="Bielecka, Aleksandra" userId="60353cab-9933-4252-8281-5e6a2ba630bd" providerId="ADAL" clId="{1C58687B-2B2A-4ED5-A038-DB565CC57D75}" dt="2023-08-02T07:55:25.182" v="178" actId="14100"/>
        <pc:sldMkLst>
          <pc:docMk/>
          <pc:sldMk cId="3005520544" sldId="1045"/>
        </pc:sldMkLst>
        <pc:spChg chg="mod">
          <ac:chgData name="Bielecka, Aleksandra" userId="60353cab-9933-4252-8281-5e6a2ba630bd" providerId="ADAL" clId="{1C58687B-2B2A-4ED5-A038-DB565CC57D75}" dt="2023-08-02T07:55:25.182" v="178" actId="14100"/>
          <ac:spMkLst>
            <pc:docMk/>
            <pc:sldMk cId="3005520544" sldId="1045"/>
            <ac:spMk id="3" creationId="{7DF84897-441E-4D8D-8A31-374E7D7203BC}"/>
          </ac:spMkLst>
        </pc:spChg>
        <pc:spChg chg="mod">
          <ac:chgData name="Bielecka, Aleksandra" userId="60353cab-9933-4252-8281-5e6a2ba630bd" providerId="ADAL" clId="{1C58687B-2B2A-4ED5-A038-DB565CC57D75}" dt="2023-08-02T07:55:11.134" v="174" actId="2711"/>
          <ac:spMkLst>
            <pc:docMk/>
            <pc:sldMk cId="3005520544" sldId="1045"/>
            <ac:spMk id="4" creationId="{F68C2F40-F3AB-4E1A-A0B5-DB910802E558}"/>
          </ac:spMkLst>
        </pc:spChg>
        <pc:spChg chg="del">
          <ac:chgData name="Bielecka, Aleksandra" userId="60353cab-9933-4252-8281-5e6a2ba630bd" providerId="ADAL" clId="{1C58687B-2B2A-4ED5-A038-DB565CC57D75}" dt="2023-08-02T07:55:01.570" v="172" actId="478"/>
          <ac:spMkLst>
            <pc:docMk/>
            <pc:sldMk cId="3005520544" sldId="1045"/>
            <ac:spMk id="5" creationId="{9A2B5E16-A37C-4F62-891D-B8359E84FAD0}"/>
          </ac:spMkLst>
        </pc:spChg>
        <pc:spChg chg="mod">
          <ac:chgData name="Bielecka, Aleksandra" userId="60353cab-9933-4252-8281-5e6a2ba630bd" providerId="ADAL" clId="{1C58687B-2B2A-4ED5-A038-DB565CC57D75}" dt="2023-08-02T07:55:05.532" v="173" actId="2711"/>
          <ac:spMkLst>
            <pc:docMk/>
            <pc:sldMk cId="3005520544" sldId="1045"/>
            <ac:spMk id="6" creationId="{6FB8B0D5-11CD-4190-A4B0-08896C0C6BC5}"/>
          </ac:spMkLst>
        </pc:spChg>
        <pc:spChg chg="mod">
          <ac:chgData name="Bielecka, Aleksandra" userId="60353cab-9933-4252-8281-5e6a2ba630bd" providerId="ADAL" clId="{1C58687B-2B2A-4ED5-A038-DB565CC57D75}" dt="2023-08-02T07:55:16.421" v="175" actId="2711"/>
          <ac:spMkLst>
            <pc:docMk/>
            <pc:sldMk cId="3005520544" sldId="1045"/>
            <ac:spMk id="11" creationId="{482C1B2D-461A-4EC2-9375-736BD5E32F2D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7:42:14.100" v="24" actId="123"/>
        <pc:sldMkLst>
          <pc:docMk/>
          <pc:sldMk cId="2337129823" sldId="1051"/>
        </pc:sldMkLst>
        <pc:spChg chg="mod">
          <ac:chgData name="Bielecka, Aleksandra" userId="60353cab-9933-4252-8281-5e6a2ba630bd" providerId="ADAL" clId="{1C58687B-2B2A-4ED5-A038-DB565CC57D75}" dt="2023-08-02T07:42:04.821" v="21" actId="2711"/>
          <ac:spMkLst>
            <pc:docMk/>
            <pc:sldMk cId="2337129823" sldId="1051"/>
            <ac:spMk id="2" creationId="{27F1F2CA-9B6A-4BFA-BC2E-1D2C0030F010}"/>
          </ac:spMkLst>
        </pc:spChg>
        <pc:spChg chg="mod">
          <ac:chgData name="Bielecka, Aleksandra" userId="60353cab-9933-4252-8281-5e6a2ba630bd" providerId="ADAL" clId="{1C58687B-2B2A-4ED5-A038-DB565CC57D75}" dt="2023-08-02T07:42:14.100" v="24" actId="123"/>
          <ac:spMkLst>
            <pc:docMk/>
            <pc:sldMk cId="2337129823" sldId="1051"/>
            <ac:spMk id="3" creationId="{BFA39401-A94D-4FEE-942B-E49EAB0B9A28}"/>
          </ac:spMkLst>
        </pc:spChg>
        <pc:spChg chg="del">
          <ac:chgData name="Bielecka, Aleksandra" userId="60353cab-9933-4252-8281-5e6a2ba630bd" providerId="ADAL" clId="{1C58687B-2B2A-4ED5-A038-DB565CC57D75}" dt="2023-08-02T07:42:00.301" v="20" actId="478"/>
          <ac:spMkLst>
            <pc:docMk/>
            <pc:sldMk cId="2337129823" sldId="1051"/>
            <ac:spMk id="13" creationId="{F717D1D4-D823-41A3-9569-88D7EA7E738B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7:41:22.295" v="13" actId="2711"/>
        <pc:sldMkLst>
          <pc:docMk/>
          <pc:sldMk cId="250020814" sldId="1069"/>
        </pc:sldMkLst>
        <pc:spChg chg="mod">
          <ac:chgData name="Bielecka, Aleksandra" userId="60353cab-9933-4252-8281-5e6a2ba630bd" providerId="ADAL" clId="{1C58687B-2B2A-4ED5-A038-DB565CC57D75}" dt="2023-08-02T07:40:39.829" v="10" actId="2711"/>
          <ac:spMkLst>
            <pc:docMk/>
            <pc:sldMk cId="250020814" sldId="1069"/>
            <ac:spMk id="2" creationId="{22787686-9EFB-4C29-BEDB-0C58A7478869}"/>
          </ac:spMkLst>
        </pc:spChg>
        <pc:spChg chg="mod">
          <ac:chgData name="Bielecka, Aleksandra" userId="60353cab-9933-4252-8281-5e6a2ba630bd" providerId="ADAL" clId="{1C58687B-2B2A-4ED5-A038-DB565CC57D75}" dt="2023-08-02T07:41:22.295" v="13" actId="2711"/>
          <ac:spMkLst>
            <pc:docMk/>
            <pc:sldMk cId="250020814" sldId="1069"/>
            <ac:spMk id="3" creationId="{75B667EA-341B-483E-9CD3-A8FBAD2BF544}"/>
          </ac:spMkLst>
        </pc:spChg>
        <pc:spChg chg="del">
          <ac:chgData name="Bielecka, Aleksandra" userId="60353cab-9933-4252-8281-5e6a2ba630bd" providerId="ADAL" clId="{1C58687B-2B2A-4ED5-A038-DB565CC57D75}" dt="2023-08-02T07:40:30.060" v="9" actId="478"/>
          <ac:spMkLst>
            <pc:docMk/>
            <pc:sldMk cId="250020814" sldId="1069"/>
            <ac:spMk id="12" creationId="{AB253378-1FC5-4082-9CA6-6556C8688AF5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7:41:49.399" v="18" actId="14100"/>
        <pc:sldMkLst>
          <pc:docMk/>
          <pc:sldMk cId="2712605614" sldId="1070"/>
        </pc:sldMkLst>
        <pc:spChg chg="mod">
          <ac:chgData name="Bielecka, Aleksandra" userId="60353cab-9933-4252-8281-5e6a2ba630bd" providerId="ADAL" clId="{1C58687B-2B2A-4ED5-A038-DB565CC57D75}" dt="2023-08-02T07:41:37.970" v="16" actId="2711"/>
          <ac:spMkLst>
            <pc:docMk/>
            <pc:sldMk cId="2712605614" sldId="1070"/>
            <ac:spMk id="2" creationId="{E96B2DD6-1102-4905-9844-C9CF54A996FA}"/>
          </ac:spMkLst>
        </pc:spChg>
        <pc:spChg chg="mod">
          <ac:chgData name="Bielecka, Aleksandra" userId="60353cab-9933-4252-8281-5e6a2ba630bd" providerId="ADAL" clId="{1C58687B-2B2A-4ED5-A038-DB565CC57D75}" dt="2023-08-02T07:41:49.399" v="18" actId="14100"/>
          <ac:spMkLst>
            <pc:docMk/>
            <pc:sldMk cId="2712605614" sldId="1070"/>
            <ac:spMk id="6" creationId="{D4C4214F-38D9-44B3-A1CE-204F8EFDFE69}"/>
          </ac:spMkLst>
        </pc:spChg>
        <pc:picChg chg="del">
          <ac:chgData name="Bielecka, Aleksandra" userId="60353cab-9933-4252-8281-5e6a2ba630bd" providerId="ADAL" clId="{1C58687B-2B2A-4ED5-A038-DB565CC57D75}" dt="2023-08-02T07:41:31.354" v="15" actId="478"/>
          <ac:picMkLst>
            <pc:docMk/>
            <pc:sldMk cId="2712605614" sldId="1070"/>
            <ac:picMk id="38" creationId="{7AD51D57-3A65-44A0-8501-5189C98B9184}"/>
          </ac:picMkLst>
        </pc:picChg>
      </pc:sldChg>
      <pc:sldChg chg="delSp modSp mod modNotesTx">
        <pc:chgData name="Bielecka, Aleksandra" userId="60353cab-9933-4252-8281-5e6a2ba630bd" providerId="ADAL" clId="{1C58687B-2B2A-4ED5-A038-DB565CC57D75}" dt="2023-08-02T07:42:40.652" v="30" actId="123"/>
        <pc:sldMkLst>
          <pc:docMk/>
          <pc:sldMk cId="827280021" sldId="1071"/>
        </pc:sldMkLst>
        <pc:spChg chg="mod">
          <ac:chgData name="Bielecka, Aleksandra" userId="60353cab-9933-4252-8281-5e6a2ba630bd" providerId="ADAL" clId="{1C58687B-2B2A-4ED5-A038-DB565CC57D75}" dt="2023-08-02T07:42:30.158" v="27" actId="2711"/>
          <ac:spMkLst>
            <pc:docMk/>
            <pc:sldMk cId="827280021" sldId="1071"/>
            <ac:spMk id="2" creationId="{F13DB6A8-73A2-4D2E-97F9-1F27CC424894}"/>
          </ac:spMkLst>
        </pc:spChg>
        <pc:spChg chg="mod">
          <ac:chgData name="Bielecka, Aleksandra" userId="60353cab-9933-4252-8281-5e6a2ba630bd" providerId="ADAL" clId="{1C58687B-2B2A-4ED5-A038-DB565CC57D75}" dt="2023-08-02T07:42:40.652" v="30" actId="123"/>
          <ac:spMkLst>
            <pc:docMk/>
            <pc:sldMk cId="827280021" sldId="1071"/>
            <ac:spMk id="3" creationId="{89B37B17-AADD-4756-93A0-1F34EF88EC27}"/>
          </ac:spMkLst>
        </pc:spChg>
        <pc:picChg chg="del">
          <ac:chgData name="Bielecka, Aleksandra" userId="60353cab-9933-4252-8281-5e6a2ba630bd" providerId="ADAL" clId="{1C58687B-2B2A-4ED5-A038-DB565CC57D75}" dt="2023-08-02T07:42:24.328" v="25" actId="478"/>
          <ac:picMkLst>
            <pc:docMk/>
            <pc:sldMk cId="827280021" sldId="1071"/>
            <ac:picMk id="13" creationId="{A2B7000D-5617-4DF9-BBC4-C6B1681D1A61}"/>
          </ac:picMkLst>
        </pc:picChg>
      </pc:sldChg>
      <pc:sldChg chg="delSp modSp mod modNotesTx">
        <pc:chgData name="Bielecka, Aleksandra" userId="60353cab-9933-4252-8281-5e6a2ba630bd" providerId="ADAL" clId="{1C58687B-2B2A-4ED5-A038-DB565CC57D75}" dt="2023-08-02T07:43:08.600" v="35" actId="123"/>
        <pc:sldMkLst>
          <pc:docMk/>
          <pc:sldMk cId="2984766583" sldId="1072"/>
        </pc:sldMkLst>
        <pc:spChg chg="mod">
          <ac:chgData name="Bielecka, Aleksandra" userId="60353cab-9933-4252-8281-5e6a2ba630bd" providerId="ADAL" clId="{1C58687B-2B2A-4ED5-A038-DB565CC57D75}" dt="2023-08-02T07:43:01.691" v="33" actId="2711"/>
          <ac:spMkLst>
            <pc:docMk/>
            <pc:sldMk cId="2984766583" sldId="1072"/>
            <ac:spMk id="2" creationId="{5F3ED50E-7761-4B12-ACA8-9F161DAAA84D}"/>
          </ac:spMkLst>
        </pc:spChg>
        <pc:spChg chg="mod">
          <ac:chgData name="Bielecka, Aleksandra" userId="60353cab-9933-4252-8281-5e6a2ba630bd" providerId="ADAL" clId="{1C58687B-2B2A-4ED5-A038-DB565CC57D75}" dt="2023-08-02T07:43:08.600" v="35" actId="123"/>
          <ac:spMkLst>
            <pc:docMk/>
            <pc:sldMk cId="2984766583" sldId="1072"/>
            <ac:spMk id="3" creationId="{FB77E73D-24B7-4343-87A5-D2554A53C5E4}"/>
          </ac:spMkLst>
        </pc:spChg>
        <pc:picChg chg="del">
          <ac:chgData name="Bielecka, Aleksandra" userId="60353cab-9933-4252-8281-5e6a2ba630bd" providerId="ADAL" clId="{1C58687B-2B2A-4ED5-A038-DB565CC57D75}" dt="2023-08-02T07:42:57.522" v="32" actId="478"/>
          <ac:picMkLst>
            <pc:docMk/>
            <pc:sldMk cId="2984766583" sldId="1072"/>
            <ac:picMk id="6" creationId="{B991EA1C-B652-490D-8E80-F688E8986EB1}"/>
          </ac:picMkLst>
        </pc:picChg>
      </pc:sldChg>
      <pc:sldChg chg="delSp modSp mod">
        <pc:chgData name="Bielecka, Aleksandra" userId="60353cab-9933-4252-8281-5e6a2ba630bd" providerId="ADAL" clId="{1C58687B-2B2A-4ED5-A038-DB565CC57D75}" dt="2023-08-02T07:43:36.889" v="39" actId="123"/>
        <pc:sldMkLst>
          <pc:docMk/>
          <pc:sldMk cId="1032835546" sldId="1073"/>
        </pc:sldMkLst>
        <pc:spChg chg="mod">
          <ac:chgData name="Bielecka, Aleksandra" userId="60353cab-9933-4252-8281-5e6a2ba630bd" providerId="ADAL" clId="{1C58687B-2B2A-4ED5-A038-DB565CC57D75}" dt="2023-08-02T07:43:26.277" v="36" actId="2711"/>
          <ac:spMkLst>
            <pc:docMk/>
            <pc:sldMk cId="1032835546" sldId="1073"/>
            <ac:spMk id="2" creationId="{72C6B243-2C25-4B0F-94EB-631E068BBECC}"/>
          </ac:spMkLst>
        </pc:spChg>
        <pc:spChg chg="mod">
          <ac:chgData name="Bielecka, Aleksandra" userId="60353cab-9933-4252-8281-5e6a2ba630bd" providerId="ADAL" clId="{1C58687B-2B2A-4ED5-A038-DB565CC57D75}" dt="2023-08-02T07:43:36.889" v="39" actId="123"/>
          <ac:spMkLst>
            <pc:docMk/>
            <pc:sldMk cId="1032835546" sldId="1073"/>
            <ac:spMk id="10" creationId="{08BD341D-407C-47CC-86E3-DEB731147581}"/>
          </ac:spMkLst>
        </pc:spChg>
        <pc:picChg chg="del">
          <ac:chgData name="Bielecka, Aleksandra" userId="60353cab-9933-4252-8281-5e6a2ba630bd" providerId="ADAL" clId="{1C58687B-2B2A-4ED5-A038-DB565CC57D75}" dt="2023-08-02T07:43:28.481" v="37" actId="478"/>
          <ac:picMkLst>
            <pc:docMk/>
            <pc:sldMk cId="1032835546" sldId="1073"/>
            <ac:picMk id="20" creationId="{B2EC114E-360F-4C4B-A67C-06FCDB308380}"/>
          </ac:picMkLst>
        </pc:picChg>
      </pc:sldChg>
      <pc:sldChg chg="del">
        <pc:chgData name="Bielecka, Aleksandra" userId="60353cab-9933-4252-8281-5e6a2ba630bd" providerId="ADAL" clId="{1C58687B-2B2A-4ED5-A038-DB565CC57D75}" dt="2023-08-02T07:49:22.301" v="80" actId="47"/>
        <pc:sldMkLst>
          <pc:docMk/>
          <pc:sldMk cId="631303449" sldId="1075"/>
        </pc:sldMkLst>
      </pc:sldChg>
      <pc:sldChg chg="delSp modSp mod modNotesTx">
        <pc:chgData name="Bielecka, Aleksandra" userId="60353cab-9933-4252-8281-5e6a2ba630bd" providerId="ADAL" clId="{1C58687B-2B2A-4ED5-A038-DB565CC57D75}" dt="2023-08-02T07:50:45.210" v="101" actId="20577"/>
        <pc:sldMkLst>
          <pc:docMk/>
          <pc:sldMk cId="3144197476" sldId="1076"/>
        </pc:sldMkLst>
        <pc:spChg chg="mod">
          <ac:chgData name="Bielecka, Aleksandra" userId="60353cab-9933-4252-8281-5e6a2ba630bd" providerId="ADAL" clId="{1C58687B-2B2A-4ED5-A038-DB565CC57D75}" dt="2023-08-02T07:50:36.157" v="98" actId="14100"/>
          <ac:spMkLst>
            <pc:docMk/>
            <pc:sldMk cId="3144197476" sldId="1076"/>
            <ac:spMk id="2" creationId="{FC61BD2A-E2C6-4F7D-9A6A-D2090BF57EDB}"/>
          </ac:spMkLst>
        </pc:spChg>
        <pc:spChg chg="mod">
          <ac:chgData name="Bielecka, Aleksandra" userId="60353cab-9933-4252-8281-5e6a2ba630bd" providerId="ADAL" clId="{1C58687B-2B2A-4ED5-A038-DB565CC57D75}" dt="2023-08-02T07:50:25.283" v="93" actId="2711"/>
          <ac:spMkLst>
            <pc:docMk/>
            <pc:sldMk cId="3144197476" sldId="1076"/>
            <ac:spMk id="3" creationId="{ED07D945-43DC-49A5-9678-F91CDEED90A2}"/>
          </ac:spMkLst>
        </pc:spChg>
        <pc:spChg chg="mod">
          <ac:chgData name="Bielecka, Aleksandra" userId="60353cab-9933-4252-8281-5e6a2ba630bd" providerId="ADAL" clId="{1C58687B-2B2A-4ED5-A038-DB565CC57D75}" dt="2023-08-02T07:50:45.210" v="101" actId="20577"/>
          <ac:spMkLst>
            <pc:docMk/>
            <pc:sldMk cId="3144197476" sldId="1076"/>
            <ac:spMk id="22" creationId="{182848E6-EFC4-4BF1-A5E0-39810C322797}"/>
          </ac:spMkLst>
        </pc:spChg>
        <pc:spChg chg="del">
          <ac:chgData name="Bielecka, Aleksandra" userId="60353cab-9933-4252-8281-5e6a2ba630bd" providerId="ADAL" clId="{1C58687B-2B2A-4ED5-A038-DB565CC57D75}" dt="2023-08-02T07:50:17.558" v="91" actId="478"/>
          <ac:spMkLst>
            <pc:docMk/>
            <pc:sldMk cId="3144197476" sldId="1076"/>
            <ac:spMk id="24" creationId="{E79F4298-EFEF-40A7-A3F5-25C4C7F037AF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7:51:35.625" v="117" actId="123"/>
        <pc:sldMkLst>
          <pc:docMk/>
          <pc:sldMk cId="3882179147" sldId="1077"/>
        </pc:sldMkLst>
        <pc:spChg chg="mod">
          <ac:chgData name="Bielecka, Aleksandra" userId="60353cab-9933-4252-8281-5e6a2ba630bd" providerId="ADAL" clId="{1C58687B-2B2A-4ED5-A038-DB565CC57D75}" dt="2023-08-02T07:51:28.197" v="115" actId="14100"/>
          <ac:spMkLst>
            <pc:docMk/>
            <pc:sldMk cId="3882179147" sldId="1077"/>
            <ac:spMk id="2" creationId="{FC61BD2A-E2C6-4F7D-9A6A-D2090BF57EDB}"/>
          </ac:spMkLst>
        </pc:spChg>
        <pc:spChg chg="mod">
          <ac:chgData name="Bielecka, Aleksandra" userId="60353cab-9933-4252-8281-5e6a2ba630bd" providerId="ADAL" clId="{1C58687B-2B2A-4ED5-A038-DB565CC57D75}" dt="2023-08-02T07:51:12.609" v="109" actId="2711"/>
          <ac:spMkLst>
            <pc:docMk/>
            <pc:sldMk cId="3882179147" sldId="1077"/>
            <ac:spMk id="3" creationId="{ED07D945-43DC-49A5-9678-F91CDEED90A2}"/>
          </ac:spMkLst>
        </pc:spChg>
        <pc:spChg chg="del">
          <ac:chgData name="Bielecka, Aleksandra" userId="60353cab-9933-4252-8281-5e6a2ba630bd" providerId="ADAL" clId="{1C58687B-2B2A-4ED5-A038-DB565CC57D75}" dt="2023-08-02T07:51:05.492" v="107" actId="478"/>
          <ac:spMkLst>
            <pc:docMk/>
            <pc:sldMk cId="3882179147" sldId="1077"/>
            <ac:spMk id="19" creationId="{C47A51E2-70B8-4F66-8B58-5339F77E18FC}"/>
          </ac:spMkLst>
        </pc:spChg>
        <pc:spChg chg="mod">
          <ac:chgData name="Bielecka, Aleksandra" userId="60353cab-9933-4252-8281-5e6a2ba630bd" providerId="ADAL" clId="{1C58687B-2B2A-4ED5-A038-DB565CC57D75}" dt="2023-08-02T07:51:35.625" v="117" actId="123"/>
          <ac:spMkLst>
            <pc:docMk/>
            <pc:sldMk cId="3882179147" sldId="1077"/>
            <ac:spMk id="23" creationId="{BF57DC13-EE91-4AB1-9AD5-1F336A2E5CC4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7:52:24.144" v="130" actId="123"/>
        <pc:sldMkLst>
          <pc:docMk/>
          <pc:sldMk cId="3200652109" sldId="1078"/>
        </pc:sldMkLst>
        <pc:spChg chg="mod">
          <ac:chgData name="Bielecka, Aleksandra" userId="60353cab-9933-4252-8281-5e6a2ba630bd" providerId="ADAL" clId="{1C58687B-2B2A-4ED5-A038-DB565CC57D75}" dt="2023-08-02T07:52:10.107" v="125" actId="2711"/>
          <ac:spMkLst>
            <pc:docMk/>
            <pc:sldMk cId="3200652109" sldId="1078"/>
            <ac:spMk id="3" creationId="{ED07D945-43DC-49A5-9678-F91CDEED90A2}"/>
          </ac:spMkLst>
        </pc:spChg>
        <pc:spChg chg="mod">
          <ac:chgData name="Bielecka, Aleksandra" userId="60353cab-9933-4252-8281-5e6a2ba630bd" providerId="ADAL" clId="{1C58687B-2B2A-4ED5-A038-DB565CC57D75}" dt="2023-08-02T07:52:16.214" v="128" actId="123"/>
          <ac:spMkLst>
            <pc:docMk/>
            <pc:sldMk cId="3200652109" sldId="1078"/>
            <ac:spMk id="11" creationId="{86D18AB1-7401-4D72-8E77-A75FFA1F77E4}"/>
          </ac:spMkLst>
        </pc:spChg>
        <pc:spChg chg="del">
          <ac:chgData name="Bielecka, Aleksandra" userId="60353cab-9933-4252-8281-5e6a2ba630bd" providerId="ADAL" clId="{1C58687B-2B2A-4ED5-A038-DB565CC57D75}" dt="2023-08-02T07:52:02.519" v="123" actId="478"/>
          <ac:spMkLst>
            <pc:docMk/>
            <pc:sldMk cId="3200652109" sldId="1078"/>
            <ac:spMk id="16" creationId="{A4B31DC2-E4FA-4ED1-99DD-D619A3685A8E}"/>
          </ac:spMkLst>
        </pc:spChg>
        <pc:spChg chg="mod">
          <ac:chgData name="Bielecka, Aleksandra" userId="60353cab-9933-4252-8281-5e6a2ba630bd" providerId="ADAL" clId="{1C58687B-2B2A-4ED5-A038-DB565CC57D75}" dt="2023-08-02T07:52:24.144" v="130" actId="123"/>
          <ac:spMkLst>
            <pc:docMk/>
            <pc:sldMk cId="3200652109" sldId="1078"/>
            <ac:spMk id="17" creationId="{58932D1C-F9A1-4C01-B4E1-CD6CB018A6E7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7:53:20.704" v="144" actId="123"/>
        <pc:sldMkLst>
          <pc:docMk/>
          <pc:sldMk cId="1986760159" sldId="1079"/>
        </pc:sldMkLst>
        <pc:spChg chg="mod">
          <ac:chgData name="Bielecka, Aleksandra" userId="60353cab-9933-4252-8281-5e6a2ba630bd" providerId="ADAL" clId="{1C58687B-2B2A-4ED5-A038-DB565CC57D75}" dt="2023-08-02T07:53:02.514" v="139" actId="2711"/>
          <ac:spMkLst>
            <pc:docMk/>
            <pc:sldMk cId="1986760159" sldId="1079"/>
            <ac:spMk id="3" creationId="{ED07D945-43DC-49A5-9678-F91CDEED90A2}"/>
          </ac:spMkLst>
        </pc:spChg>
        <pc:spChg chg="mod">
          <ac:chgData name="Bielecka, Aleksandra" userId="60353cab-9933-4252-8281-5e6a2ba630bd" providerId="ADAL" clId="{1C58687B-2B2A-4ED5-A038-DB565CC57D75}" dt="2023-08-02T07:53:11.296" v="142" actId="2711"/>
          <ac:spMkLst>
            <pc:docMk/>
            <pc:sldMk cId="1986760159" sldId="1079"/>
            <ac:spMk id="11" creationId="{86D18AB1-7401-4D72-8E77-A75FFA1F77E4}"/>
          </ac:spMkLst>
        </pc:spChg>
        <pc:spChg chg="del">
          <ac:chgData name="Bielecka, Aleksandra" userId="60353cab-9933-4252-8281-5e6a2ba630bd" providerId="ADAL" clId="{1C58687B-2B2A-4ED5-A038-DB565CC57D75}" dt="2023-08-02T07:52:57.821" v="138" actId="478"/>
          <ac:spMkLst>
            <pc:docMk/>
            <pc:sldMk cId="1986760159" sldId="1079"/>
            <ac:spMk id="16" creationId="{4D4BE90C-2A35-4CD5-A081-91B826DF433F}"/>
          </ac:spMkLst>
        </pc:spChg>
        <pc:spChg chg="mod">
          <ac:chgData name="Bielecka, Aleksandra" userId="60353cab-9933-4252-8281-5e6a2ba630bd" providerId="ADAL" clId="{1C58687B-2B2A-4ED5-A038-DB565CC57D75}" dt="2023-08-02T07:53:20.704" v="144" actId="123"/>
          <ac:spMkLst>
            <pc:docMk/>
            <pc:sldMk cId="1986760159" sldId="1079"/>
            <ac:spMk id="17" creationId="{5C58BBB3-E82C-4E64-B4EA-2657B4BB4AD7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7:54:32.486" v="165" actId="20577"/>
        <pc:sldMkLst>
          <pc:docMk/>
          <pc:sldMk cId="1694607631" sldId="1080"/>
        </pc:sldMkLst>
        <pc:spChg chg="mod">
          <ac:chgData name="Bielecka, Aleksandra" userId="60353cab-9933-4252-8281-5e6a2ba630bd" providerId="ADAL" clId="{1C58687B-2B2A-4ED5-A038-DB565CC57D75}" dt="2023-08-02T07:54:12.441" v="159" actId="123"/>
          <ac:spMkLst>
            <pc:docMk/>
            <pc:sldMk cId="1694607631" sldId="1080"/>
            <ac:spMk id="2" creationId="{4CF7B035-E42A-4D9F-8BD7-D98EEA5B9B29}"/>
          </ac:spMkLst>
        </pc:spChg>
        <pc:spChg chg="mod">
          <ac:chgData name="Bielecka, Aleksandra" userId="60353cab-9933-4252-8281-5e6a2ba630bd" providerId="ADAL" clId="{1C58687B-2B2A-4ED5-A038-DB565CC57D75}" dt="2023-08-02T07:53:59.650" v="153" actId="2711"/>
          <ac:spMkLst>
            <pc:docMk/>
            <pc:sldMk cId="1694607631" sldId="1080"/>
            <ac:spMk id="3" creationId="{3941E755-249D-4906-950D-A56CF5A8A631}"/>
          </ac:spMkLst>
        </pc:spChg>
        <pc:spChg chg="mod">
          <ac:chgData name="Bielecka, Aleksandra" userId="60353cab-9933-4252-8281-5e6a2ba630bd" providerId="ADAL" clId="{1C58687B-2B2A-4ED5-A038-DB565CC57D75}" dt="2023-08-02T07:54:32.486" v="165" actId="20577"/>
          <ac:spMkLst>
            <pc:docMk/>
            <pc:sldMk cId="1694607631" sldId="1080"/>
            <ac:spMk id="5" creationId="{A5676665-2B04-4A33-BA5E-1C3E0887ED15}"/>
          </ac:spMkLst>
        </pc:spChg>
        <pc:spChg chg="del">
          <ac:chgData name="Bielecka, Aleksandra" userId="60353cab-9933-4252-8281-5e6a2ba630bd" providerId="ADAL" clId="{1C58687B-2B2A-4ED5-A038-DB565CC57D75}" dt="2023-08-02T07:53:47.462" v="150" actId="478"/>
          <ac:spMkLst>
            <pc:docMk/>
            <pc:sldMk cId="1694607631" sldId="1080"/>
            <ac:spMk id="21" creationId="{7799BFE4-1223-434E-BA99-63972E06DBEF}"/>
          </ac:spMkLst>
        </pc:spChg>
        <pc:picChg chg="mod">
          <ac:chgData name="Bielecka, Aleksandra" userId="60353cab-9933-4252-8281-5e6a2ba630bd" providerId="ADAL" clId="{1C58687B-2B2A-4ED5-A038-DB565CC57D75}" dt="2023-08-02T07:54:29.077" v="164" actId="1076"/>
          <ac:picMkLst>
            <pc:docMk/>
            <pc:sldMk cId="1694607631" sldId="1080"/>
            <ac:picMk id="15" creationId="{E02FA1B9-0EE5-4A91-8938-77B87002C057}"/>
          </ac:picMkLst>
        </pc:picChg>
      </pc:sldChg>
      <pc:sldChg chg="delSp modSp mod modNotesTx">
        <pc:chgData name="Bielecka, Aleksandra" userId="60353cab-9933-4252-8281-5e6a2ba630bd" providerId="ADAL" clId="{1C58687B-2B2A-4ED5-A038-DB565CC57D75}" dt="2023-08-02T07:54:52.507" v="170" actId="6549"/>
        <pc:sldMkLst>
          <pc:docMk/>
          <pc:sldMk cId="2506631961" sldId="1081"/>
        </pc:sldMkLst>
        <pc:spChg chg="mod">
          <ac:chgData name="Bielecka, Aleksandra" userId="60353cab-9933-4252-8281-5e6a2ba630bd" providerId="ADAL" clId="{1C58687B-2B2A-4ED5-A038-DB565CC57D75}" dt="2023-08-02T07:54:48.642" v="168" actId="123"/>
          <ac:spMkLst>
            <pc:docMk/>
            <pc:sldMk cId="2506631961" sldId="1081"/>
            <ac:spMk id="2" creationId="{FC9504BE-B913-468C-AE95-2155E99119E4}"/>
          </ac:spMkLst>
        </pc:spChg>
        <pc:spChg chg="mod">
          <ac:chgData name="Bielecka, Aleksandra" userId="60353cab-9933-4252-8281-5e6a2ba630bd" providerId="ADAL" clId="{1C58687B-2B2A-4ED5-A038-DB565CC57D75}" dt="2023-08-02T07:54:42.746" v="166" actId="2711"/>
          <ac:spMkLst>
            <pc:docMk/>
            <pc:sldMk cId="2506631961" sldId="1081"/>
            <ac:spMk id="4" creationId="{0EFB3B41-5A94-4708-98E5-78A1AFB40BEC}"/>
          </ac:spMkLst>
        </pc:spChg>
        <pc:spChg chg="del">
          <ac:chgData name="Bielecka, Aleksandra" userId="60353cab-9933-4252-8281-5e6a2ba630bd" providerId="ADAL" clId="{1C58687B-2B2A-4ED5-A038-DB565CC57D75}" dt="2023-08-02T07:54:51.128" v="169" actId="478"/>
          <ac:spMkLst>
            <pc:docMk/>
            <pc:sldMk cId="2506631961" sldId="1081"/>
            <ac:spMk id="21" creationId="{A10E242B-C722-4CA9-8B3A-90584EEAF70D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7:40:09.907" v="8" actId="20577"/>
        <pc:sldMkLst>
          <pc:docMk/>
          <pc:sldMk cId="901991584" sldId="1084"/>
        </pc:sldMkLst>
        <pc:spChg chg="mod">
          <ac:chgData name="Bielecka, Aleksandra" userId="60353cab-9933-4252-8281-5e6a2ba630bd" providerId="ADAL" clId="{1C58687B-2B2A-4ED5-A038-DB565CC57D75}" dt="2023-08-02T07:39:40.582" v="5" actId="2711"/>
          <ac:spMkLst>
            <pc:docMk/>
            <pc:sldMk cId="901991584" sldId="1084"/>
            <ac:spMk id="2" creationId="{A5C690C9-A117-4E4A-AD2C-CC913B80E47E}"/>
          </ac:spMkLst>
        </pc:spChg>
        <pc:spChg chg="mod">
          <ac:chgData name="Bielecka, Aleksandra" userId="60353cab-9933-4252-8281-5e6a2ba630bd" providerId="ADAL" clId="{1C58687B-2B2A-4ED5-A038-DB565CC57D75}" dt="2023-08-02T07:40:04.731" v="7" actId="2711"/>
          <ac:spMkLst>
            <pc:docMk/>
            <pc:sldMk cId="901991584" sldId="1084"/>
            <ac:spMk id="11" creationId="{AB063992-B266-4B13-94C8-4750CC8DBADE}"/>
          </ac:spMkLst>
        </pc:spChg>
        <pc:spChg chg="del">
          <ac:chgData name="Bielecka, Aleksandra" userId="60353cab-9933-4252-8281-5e6a2ba630bd" providerId="ADAL" clId="{1C58687B-2B2A-4ED5-A038-DB565CC57D75}" dt="2023-08-02T07:39:17.160" v="2" actId="478"/>
          <ac:spMkLst>
            <pc:docMk/>
            <pc:sldMk cId="901991584" sldId="1084"/>
            <ac:spMk id="14" creationId="{478D12F9-AB6F-4767-B03E-BB1C58FC411F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8:06:32.352" v="264" actId="2710"/>
        <pc:sldMkLst>
          <pc:docMk/>
          <pc:sldMk cId="840257677" sldId="1085"/>
        </pc:sldMkLst>
        <pc:spChg chg="mod">
          <ac:chgData name="Bielecka, Aleksandra" userId="60353cab-9933-4252-8281-5e6a2ba630bd" providerId="ADAL" clId="{1C58687B-2B2A-4ED5-A038-DB565CC57D75}" dt="2023-08-02T08:06:22.358" v="261" actId="2711"/>
          <ac:spMkLst>
            <pc:docMk/>
            <pc:sldMk cId="840257677" sldId="1085"/>
            <ac:spMk id="2" creationId="{00000000-0000-0000-0000-000000000000}"/>
          </ac:spMkLst>
        </pc:spChg>
        <pc:spChg chg="del">
          <ac:chgData name="Bielecka, Aleksandra" userId="60353cab-9933-4252-8281-5e6a2ba630bd" providerId="ADAL" clId="{1C58687B-2B2A-4ED5-A038-DB565CC57D75}" dt="2023-08-02T08:06:18.563" v="260" actId="478"/>
          <ac:spMkLst>
            <pc:docMk/>
            <pc:sldMk cId="840257677" sldId="1085"/>
            <ac:spMk id="12" creationId="{B0B62657-7BAB-40D9-8679-ACA05F215F5D}"/>
          </ac:spMkLst>
        </pc:spChg>
        <pc:spChg chg="mod">
          <ac:chgData name="Bielecka, Aleksandra" userId="60353cab-9933-4252-8281-5e6a2ba630bd" providerId="ADAL" clId="{1C58687B-2B2A-4ED5-A038-DB565CC57D75}" dt="2023-08-02T08:06:32.352" v="264" actId="2710"/>
          <ac:spMkLst>
            <pc:docMk/>
            <pc:sldMk cId="840257677" sldId="1085"/>
            <ac:spMk id="19" creationId="{00000000-0000-0000-0000-000000000000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8:07:03.034" v="271" actId="20577"/>
        <pc:sldMkLst>
          <pc:docMk/>
          <pc:sldMk cId="1072604678" sldId="1086"/>
        </pc:sldMkLst>
        <pc:spChg chg="mod">
          <ac:chgData name="Bielecka, Aleksandra" userId="60353cab-9933-4252-8281-5e6a2ba630bd" providerId="ADAL" clId="{1C58687B-2B2A-4ED5-A038-DB565CC57D75}" dt="2023-08-02T08:06:44.215" v="267" actId="2711"/>
          <ac:spMkLst>
            <pc:docMk/>
            <pc:sldMk cId="1072604678" sldId="1086"/>
            <ac:spMk id="2" creationId="{00000000-0000-0000-0000-000000000000}"/>
          </ac:spMkLst>
        </pc:spChg>
        <pc:spChg chg="del">
          <ac:chgData name="Bielecka, Aleksandra" userId="60353cab-9933-4252-8281-5e6a2ba630bd" providerId="ADAL" clId="{1C58687B-2B2A-4ED5-A038-DB565CC57D75}" dt="2023-08-02T08:06:37.022" v="265" actId="478"/>
          <ac:spMkLst>
            <pc:docMk/>
            <pc:sldMk cId="1072604678" sldId="1086"/>
            <ac:spMk id="12" creationId="{B0B62657-7BAB-40D9-8679-ACA05F215F5D}"/>
          </ac:spMkLst>
        </pc:spChg>
        <pc:spChg chg="mod">
          <ac:chgData name="Bielecka, Aleksandra" userId="60353cab-9933-4252-8281-5e6a2ba630bd" providerId="ADAL" clId="{1C58687B-2B2A-4ED5-A038-DB565CC57D75}" dt="2023-08-02T08:07:03.034" v="271" actId="20577"/>
          <ac:spMkLst>
            <pc:docMk/>
            <pc:sldMk cId="1072604678" sldId="1086"/>
            <ac:spMk id="19" creationId="{00000000-0000-0000-0000-000000000000}"/>
          </ac:spMkLst>
        </pc:spChg>
      </pc:sldChg>
      <pc:sldChg chg="delSp modSp mod modNotesTx">
        <pc:chgData name="Bielecka, Aleksandra" userId="60353cab-9933-4252-8281-5e6a2ba630bd" providerId="ADAL" clId="{1C58687B-2B2A-4ED5-A038-DB565CC57D75}" dt="2023-08-02T08:08:29.456" v="292" actId="20577"/>
        <pc:sldMkLst>
          <pc:docMk/>
          <pc:sldMk cId="3034646651" sldId="1087"/>
        </pc:sldMkLst>
        <pc:spChg chg="mod">
          <ac:chgData name="Bielecka, Aleksandra" userId="60353cab-9933-4252-8281-5e6a2ba630bd" providerId="ADAL" clId="{1C58687B-2B2A-4ED5-A038-DB565CC57D75}" dt="2023-08-02T08:08:29.456" v="292" actId="20577"/>
          <ac:spMkLst>
            <pc:docMk/>
            <pc:sldMk cId="3034646651" sldId="1087"/>
            <ac:spMk id="2" creationId="{C249F117-950A-402E-8FF7-3B6F8B4119DA}"/>
          </ac:spMkLst>
        </pc:spChg>
        <pc:spChg chg="mod">
          <ac:chgData name="Bielecka, Aleksandra" userId="60353cab-9933-4252-8281-5e6a2ba630bd" providerId="ADAL" clId="{1C58687B-2B2A-4ED5-A038-DB565CC57D75}" dt="2023-08-02T08:07:58.202" v="282" actId="2711"/>
          <ac:spMkLst>
            <pc:docMk/>
            <pc:sldMk cId="3034646651" sldId="1087"/>
            <ac:spMk id="3" creationId="{5AF0A17B-3EE2-4F69-B414-0FB722700095}"/>
          </ac:spMkLst>
        </pc:spChg>
        <pc:spChg chg="del">
          <ac:chgData name="Bielecka, Aleksandra" userId="60353cab-9933-4252-8281-5e6a2ba630bd" providerId="ADAL" clId="{1C58687B-2B2A-4ED5-A038-DB565CC57D75}" dt="2023-08-02T08:07:51.207" v="281" actId="478"/>
          <ac:spMkLst>
            <pc:docMk/>
            <pc:sldMk cId="3034646651" sldId="1087"/>
            <ac:spMk id="5" creationId="{B1E68A13-70DA-4E88-8FC6-21881F010773}"/>
          </ac:spMkLst>
        </pc:spChg>
      </pc:sldChg>
      <pc:sldChg chg="add">
        <pc:chgData name="Bielecka, Aleksandra" userId="60353cab-9933-4252-8281-5e6a2ba630bd" providerId="ADAL" clId="{1C58687B-2B2A-4ED5-A038-DB565CC57D75}" dt="2023-08-02T08:10:24.140" v="311"/>
        <pc:sldMkLst>
          <pc:docMk/>
          <pc:sldMk cId="3277696990" sldId="1132"/>
        </pc:sldMkLst>
      </pc:sldChg>
    </pc:docChg>
  </pc:docChgLst>
  <pc:docChgLst>
    <pc:chgData name="Bielecka, Aleksandra" userId="60353cab-9933-4252-8281-5e6a2ba630bd" providerId="ADAL" clId="{09A1143F-34BF-48D8-9BA0-6B4F5C589EBD}"/>
    <pc:docChg chg="custSel modSld">
      <pc:chgData name="Bielecka, Aleksandra" userId="60353cab-9933-4252-8281-5e6a2ba630bd" providerId="ADAL" clId="{09A1143F-34BF-48D8-9BA0-6B4F5C589EBD}" dt="2023-09-26T10:47:59.155" v="11" actId="2711"/>
      <pc:docMkLst>
        <pc:docMk/>
      </pc:docMkLst>
      <pc:sldChg chg="addSp delSp modSp mod">
        <pc:chgData name="Bielecka, Aleksandra" userId="60353cab-9933-4252-8281-5e6a2ba630bd" providerId="ADAL" clId="{09A1143F-34BF-48D8-9BA0-6B4F5C589EBD}" dt="2023-09-26T10:47:59.155" v="11" actId="2711"/>
        <pc:sldMkLst>
          <pc:docMk/>
          <pc:sldMk cId="4271709361" sldId="256"/>
        </pc:sldMkLst>
        <pc:spChg chg="del mod">
          <ac:chgData name="Bielecka, Aleksandra" userId="60353cab-9933-4252-8281-5e6a2ba630bd" providerId="ADAL" clId="{09A1143F-34BF-48D8-9BA0-6B4F5C589EBD}" dt="2023-09-26T10:45:56.220" v="6" actId="478"/>
          <ac:spMkLst>
            <pc:docMk/>
            <pc:sldMk cId="4271709361" sldId="256"/>
            <ac:spMk id="2" creationId="{1EA30131-1522-434C-9F8A-9546E1F56FAB}"/>
          </ac:spMkLst>
        </pc:spChg>
        <pc:spChg chg="add mod">
          <ac:chgData name="Bielecka, Aleksandra" userId="60353cab-9933-4252-8281-5e6a2ba630bd" providerId="ADAL" clId="{09A1143F-34BF-48D8-9BA0-6B4F5C589EBD}" dt="2023-09-26T10:47:59.155" v="11" actId="2711"/>
          <ac:spMkLst>
            <pc:docMk/>
            <pc:sldMk cId="4271709361" sldId="256"/>
            <ac:spMk id="3" creationId="{FEF86083-FD9C-34A9-9F93-B6FAF8A12095}"/>
          </ac:spMkLst>
        </pc:spChg>
        <pc:spChg chg="add del mod">
          <ac:chgData name="Bielecka, Aleksandra" userId="60353cab-9933-4252-8281-5e6a2ba630bd" providerId="ADAL" clId="{09A1143F-34BF-48D8-9BA0-6B4F5C589EBD}" dt="2023-09-26T10:45:57.830" v="7" actId="478"/>
          <ac:spMkLst>
            <pc:docMk/>
            <pc:sldMk cId="4271709361" sldId="256"/>
            <ac:spMk id="7" creationId="{64DC1B14-3BB1-74A6-1B95-96975C8E13D5}"/>
          </ac:spMkLst>
        </pc:spChg>
        <pc:picChg chg="add mod">
          <ac:chgData name="Bielecka, Aleksandra" userId="60353cab-9933-4252-8281-5e6a2ba630bd" providerId="ADAL" clId="{09A1143F-34BF-48D8-9BA0-6B4F5C589EBD}" dt="2023-09-26T10:45:02.713" v="2" actId="1076"/>
          <ac:picMkLst>
            <pc:docMk/>
            <pc:sldMk cId="4271709361" sldId="256"/>
            <ac:picMk id="1026" creationId="{B2019C96-1EBE-8E78-1E02-2B208B93C527}"/>
          </ac:picMkLst>
        </pc:picChg>
      </pc:sldChg>
      <pc:sldChg chg="addSp modSp">
        <pc:chgData name="Bielecka, Aleksandra" userId="60353cab-9933-4252-8281-5e6a2ba630bd" providerId="ADAL" clId="{09A1143F-34BF-48D8-9BA0-6B4F5C589EBD}" dt="2023-09-26T10:46:27.592" v="10"/>
        <pc:sldMkLst>
          <pc:docMk/>
          <pc:sldMk cId="3277696990" sldId="1132"/>
        </pc:sldMkLst>
        <pc:picChg chg="add mod">
          <ac:chgData name="Bielecka, Aleksandra" userId="60353cab-9933-4252-8281-5e6a2ba630bd" providerId="ADAL" clId="{09A1143F-34BF-48D8-9BA0-6B4F5C589EBD}" dt="2023-09-26T10:46:27.592" v="10"/>
          <ac:picMkLst>
            <pc:docMk/>
            <pc:sldMk cId="3277696990" sldId="1132"/>
            <ac:picMk id="3" creationId="{227A54A0-C3CE-AC9D-6FC0-AA9DDFBAD1C4}"/>
          </ac:picMkLst>
        </pc:picChg>
      </pc:sldChg>
    </pc:docChg>
  </pc:docChgLst>
  <pc:docChgLst>
    <pc:chgData name="Bielecka, Aleksandra" userId="60353cab-9933-4252-8281-5e6a2ba630bd" providerId="ADAL" clId="{2B4F0AFC-10A4-4317-B62F-693FB589CA9B}"/>
    <pc:docChg chg="undo custSel addSld delSld modSld">
      <pc:chgData name="Bielecka, Aleksandra" userId="60353cab-9933-4252-8281-5e6a2ba630bd" providerId="ADAL" clId="{2B4F0AFC-10A4-4317-B62F-693FB589CA9B}" dt="2023-05-09T13:04:43.984" v="87" actId="2711"/>
      <pc:docMkLst>
        <pc:docMk/>
      </pc:docMkLst>
      <pc:sldChg chg="modSp add mod">
        <pc:chgData name="Bielecka, Aleksandra" userId="60353cab-9933-4252-8281-5e6a2ba630bd" providerId="ADAL" clId="{2B4F0AFC-10A4-4317-B62F-693FB589CA9B}" dt="2023-05-09T12:31:23.651" v="12" actId="207"/>
        <pc:sldMkLst>
          <pc:docMk/>
          <pc:sldMk cId="4271709361" sldId="256"/>
        </pc:sldMkLst>
        <pc:spChg chg="mod">
          <ac:chgData name="Bielecka, Aleksandra" userId="60353cab-9933-4252-8281-5e6a2ba630bd" providerId="ADAL" clId="{2B4F0AFC-10A4-4317-B62F-693FB589CA9B}" dt="2023-05-09T12:30:40.531" v="8" actId="2711"/>
          <ac:spMkLst>
            <pc:docMk/>
            <pc:sldMk cId="4271709361" sldId="256"/>
            <ac:spMk id="2" creationId="{1EA30131-1522-434C-9F8A-9546E1F56FAB}"/>
          </ac:spMkLst>
        </pc:spChg>
        <pc:spChg chg="mod">
          <ac:chgData name="Bielecka, Aleksandra" userId="60353cab-9933-4252-8281-5e6a2ba630bd" providerId="ADAL" clId="{2B4F0AFC-10A4-4317-B62F-693FB589CA9B}" dt="2023-05-09T12:31:23.651" v="12" actId="207"/>
          <ac:spMkLst>
            <pc:docMk/>
            <pc:sldMk cId="4271709361" sldId="256"/>
            <ac:spMk id="4" creationId="{F7E3AC74-F0D7-479E-9B69-F73197BC2579}"/>
          </ac:spMkLst>
        </pc:spChg>
      </pc:sldChg>
      <pc:sldChg chg="delSp modSp mod modNotesTx">
        <pc:chgData name="Bielecka, Aleksandra" userId="60353cab-9933-4252-8281-5e6a2ba630bd" providerId="ADAL" clId="{2B4F0AFC-10A4-4317-B62F-693FB589CA9B}" dt="2023-05-09T12:32:01.752" v="18" actId="2711"/>
        <pc:sldMkLst>
          <pc:docMk/>
          <pc:sldMk cId="1852385940" sldId="344"/>
        </pc:sldMkLst>
        <pc:spChg chg="mod">
          <ac:chgData name="Bielecka, Aleksandra" userId="60353cab-9933-4252-8281-5e6a2ba630bd" providerId="ADAL" clId="{2B4F0AFC-10A4-4317-B62F-693FB589CA9B}" dt="2023-05-09T12:31:58.385" v="17" actId="2711"/>
          <ac:spMkLst>
            <pc:docMk/>
            <pc:sldMk cId="1852385940" sldId="344"/>
            <ac:spMk id="2" creationId="{00000000-0000-0000-0000-000000000000}"/>
          </ac:spMkLst>
        </pc:spChg>
        <pc:spChg chg="mod">
          <ac:chgData name="Bielecka, Aleksandra" userId="60353cab-9933-4252-8281-5e6a2ba630bd" providerId="ADAL" clId="{2B4F0AFC-10A4-4317-B62F-693FB589CA9B}" dt="2023-05-09T12:31:55.729" v="16" actId="2711"/>
          <ac:spMkLst>
            <pc:docMk/>
            <pc:sldMk cId="1852385940" sldId="344"/>
            <ac:spMk id="3" creationId="{00000000-0000-0000-0000-000000000000}"/>
          </ac:spMkLst>
        </pc:spChg>
        <pc:spChg chg="mod">
          <ac:chgData name="Bielecka, Aleksandra" userId="60353cab-9933-4252-8281-5e6a2ba630bd" providerId="ADAL" clId="{2B4F0AFC-10A4-4317-B62F-693FB589CA9B}" dt="2023-05-09T12:32:01.752" v="18" actId="2711"/>
          <ac:spMkLst>
            <pc:docMk/>
            <pc:sldMk cId="1852385940" sldId="344"/>
            <ac:spMk id="5" creationId="{600D0F7C-B6E6-451C-9547-B3CACC607422}"/>
          </ac:spMkLst>
        </pc:spChg>
        <pc:spChg chg="del">
          <ac:chgData name="Bielecka, Aleksandra" userId="60353cab-9933-4252-8281-5e6a2ba630bd" providerId="ADAL" clId="{2B4F0AFC-10A4-4317-B62F-693FB589CA9B}" dt="2023-05-09T12:31:40.120" v="14" actId="478"/>
          <ac:spMkLst>
            <pc:docMk/>
            <pc:sldMk cId="1852385940" sldId="344"/>
            <ac:spMk id="6" creationId="{758B2631-325C-4A13-A89C-A09B70A71968}"/>
          </ac:spMkLst>
        </pc:spChg>
      </pc:sldChg>
      <pc:sldChg chg="delSp modSp mod modNotesTx">
        <pc:chgData name="Bielecka, Aleksandra" userId="60353cab-9933-4252-8281-5e6a2ba630bd" providerId="ADAL" clId="{2B4F0AFC-10A4-4317-B62F-693FB589CA9B}" dt="2023-05-09T13:04:43.984" v="87" actId="2711"/>
        <pc:sldMkLst>
          <pc:docMk/>
          <pc:sldMk cId="3602749482" sldId="364"/>
        </pc:sldMkLst>
        <pc:spChg chg="mod">
          <ac:chgData name="Bielecka, Aleksandra" userId="60353cab-9933-4252-8281-5e6a2ba630bd" providerId="ADAL" clId="{2B4F0AFC-10A4-4317-B62F-693FB589CA9B}" dt="2023-05-09T13:04:38.399" v="86" actId="2711"/>
          <ac:spMkLst>
            <pc:docMk/>
            <pc:sldMk cId="3602749482" sldId="364"/>
            <ac:spMk id="2" creationId="{6A8AA2FD-53DD-4CED-AB05-CF38C6718E2E}"/>
          </ac:spMkLst>
        </pc:spChg>
        <pc:spChg chg="mod">
          <ac:chgData name="Bielecka, Aleksandra" userId="60353cab-9933-4252-8281-5e6a2ba630bd" providerId="ADAL" clId="{2B4F0AFC-10A4-4317-B62F-693FB589CA9B}" dt="2023-05-09T13:04:43.984" v="87" actId="2711"/>
          <ac:spMkLst>
            <pc:docMk/>
            <pc:sldMk cId="3602749482" sldId="364"/>
            <ac:spMk id="14" creationId="{D8787240-ECFB-4D4A-AB8E-3D5F8C048BF2}"/>
          </ac:spMkLst>
        </pc:spChg>
        <pc:spChg chg="del">
          <ac:chgData name="Bielecka, Aleksandra" userId="60353cab-9933-4252-8281-5e6a2ba630bd" providerId="ADAL" clId="{2B4F0AFC-10A4-4317-B62F-693FB589CA9B}" dt="2023-05-09T13:04:27.098" v="83" actId="478"/>
          <ac:spMkLst>
            <pc:docMk/>
            <pc:sldMk cId="3602749482" sldId="364"/>
            <ac:spMk id="15" creationId="{FE48DAA2-2831-436A-AC6F-6CA16FA0D9BE}"/>
          </ac:spMkLst>
        </pc:spChg>
        <pc:spChg chg="mod">
          <ac:chgData name="Bielecka, Aleksandra" userId="60353cab-9933-4252-8281-5e6a2ba630bd" providerId="ADAL" clId="{2B4F0AFC-10A4-4317-B62F-693FB589CA9B}" dt="2023-05-09T13:04:32.588" v="85" actId="2711"/>
          <ac:spMkLst>
            <pc:docMk/>
            <pc:sldMk cId="3602749482" sldId="364"/>
            <ac:spMk id="24" creationId="{00000000-0000-0000-0000-000000000000}"/>
          </ac:spMkLst>
        </pc:spChg>
      </pc:sldChg>
      <pc:sldChg chg="delSp modSp mod modNotesTx">
        <pc:chgData name="Bielecka, Aleksandra" userId="60353cab-9933-4252-8281-5e6a2ba630bd" providerId="ADAL" clId="{2B4F0AFC-10A4-4317-B62F-693FB589CA9B}" dt="2023-05-09T12:33:02.625" v="34" actId="1076"/>
        <pc:sldMkLst>
          <pc:docMk/>
          <pc:sldMk cId="42108366" sldId="388"/>
        </pc:sldMkLst>
        <pc:spChg chg="mod">
          <ac:chgData name="Bielecka, Aleksandra" userId="60353cab-9933-4252-8281-5e6a2ba630bd" providerId="ADAL" clId="{2B4F0AFC-10A4-4317-B62F-693FB589CA9B}" dt="2023-05-09T12:32:53.768" v="31" actId="2711"/>
          <ac:spMkLst>
            <pc:docMk/>
            <pc:sldMk cId="42108366" sldId="388"/>
            <ac:spMk id="4" creationId="{00000000-0000-0000-0000-000000000000}"/>
          </ac:spMkLst>
        </pc:spChg>
        <pc:spChg chg="del">
          <ac:chgData name="Bielecka, Aleksandra" userId="60353cab-9933-4252-8281-5e6a2ba630bd" providerId="ADAL" clId="{2B4F0AFC-10A4-4317-B62F-693FB589CA9B}" dt="2023-05-09T12:32:47.999" v="30" actId="478"/>
          <ac:spMkLst>
            <pc:docMk/>
            <pc:sldMk cId="42108366" sldId="388"/>
            <ac:spMk id="6" creationId="{C7BA768A-3A22-4239-98C8-52F7143613C7}"/>
          </ac:spMkLst>
        </pc:spChg>
        <pc:spChg chg="mod">
          <ac:chgData name="Bielecka, Aleksandra" userId="60353cab-9933-4252-8281-5e6a2ba630bd" providerId="ADAL" clId="{2B4F0AFC-10A4-4317-B62F-693FB589CA9B}" dt="2023-05-09T12:33:02.625" v="34" actId="1076"/>
          <ac:spMkLst>
            <pc:docMk/>
            <pc:sldMk cId="42108366" sldId="388"/>
            <ac:spMk id="11" creationId="{00000000-0000-0000-0000-000000000000}"/>
          </ac:spMkLst>
        </pc:spChg>
      </pc:sldChg>
      <pc:sldChg chg="delSp del mod">
        <pc:chgData name="Bielecka, Aleksandra" userId="60353cab-9933-4252-8281-5e6a2ba630bd" providerId="ADAL" clId="{2B4F0AFC-10A4-4317-B62F-693FB589CA9B}" dt="2023-05-09T12:29:59.065" v="6" actId="2696"/>
        <pc:sldMkLst>
          <pc:docMk/>
          <pc:sldMk cId="3395721088" sldId="439"/>
        </pc:sldMkLst>
        <pc:spChg chg="del">
          <ac:chgData name="Bielecka, Aleksandra" userId="60353cab-9933-4252-8281-5e6a2ba630bd" providerId="ADAL" clId="{2B4F0AFC-10A4-4317-B62F-693FB589CA9B}" dt="2023-05-09T12:24:20.663" v="0" actId="478"/>
          <ac:spMkLst>
            <pc:docMk/>
            <pc:sldMk cId="3395721088" sldId="439"/>
            <ac:spMk id="11" creationId="{8D3B0F12-1338-7040-A31E-32706033F6B2}"/>
          </ac:spMkLst>
        </pc:spChg>
        <pc:spChg chg="del">
          <ac:chgData name="Bielecka, Aleksandra" userId="60353cab-9933-4252-8281-5e6a2ba630bd" providerId="ADAL" clId="{2B4F0AFC-10A4-4317-B62F-693FB589CA9B}" dt="2023-05-09T12:24:23.838" v="1" actId="478"/>
          <ac:spMkLst>
            <pc:docMk/>
            <pc:sldMk cId="3395721088" sldId="439"/>
            <ac:spMk id="13" creationId="{EDDD0157-4921-4133-9BFC-74C32594BC5F}"/>
          </ac:spMkLst>
        </pc:spChg>
        <pc:spChg chg="del">
          <ac:chgData name="Bielecka, Aleksandra" userId="60353cab-9933-4252-8281-5e6a2ba630bd" providerId="ADAL" clId="{2B4F0AFC-10A4-4317-B62F-693FB589CA9B}" dt="2023-05-09T12:27:36.204" v="2" actId="478"/>
          <ac:spMkLst>
            <pc:docMk/>
            <pc:sldMk cId="3395721088" sldId="439"/>
            <ac:spMk id="14" creationId="{C6E04BE0-156F-458F-B4AA-680DADC9C2AD}"/>
          </ac:spMkLst>
        </pc:spChg>
      </pc:sldChg>
      <pc:sldChg chg="delSp modSp mod modNotesTx">
        <pc:chgData name="Bielecka, Aleksandra" userId="60353cab-9933-4252-8281-5e6a2ba630bd" providerId="ADAL" clId="{2B4F0AFC-10A4-4317-B62F-693FB589CA9B}" dt="2023-05-09T12:32:34.776" v="26" actId="2711"/>
        <pc:sldMkLst>
          <pc:docMk/>
          <pc:sldMk cId="2484696425" sldId="923"/>
        </pc:sldMkLst>
        <pc:spChg chg="mod">
          <ac:chgData name="Bielecka, Aleksandra" userId="60353cab-9933-4252-8281-5e6a2ba630bd" providerId="ADAL" clId="{2B4F0AFC-10A4-4317-B62F-693FB589CA9B}" dt="2023-05-09T12:32:32.064" v="25" actId="113"/>
          <ac:spMkLst>
            <pc:docMk/>
            <pc:sldMk cId="2484696425" sldId="923"/>
            <ac:spMk id="2" creationId="{00000000-0000-0000-0000-000000000000}"/>
          </ac:spMkLst>
        </pc:spChg>
        <pc:spChg chg="mod">
          <ac:chgData name="Bielecka, Aleksandra" userId="60353cab-9933-4252-8281-5e6a2ba630bd" providerId="ADAL" clId="{2B4F0AFC-10A4-4317-B62F-693FB589CA9B}" dt="2023-05-09T12:32:34.776" v="26" actId="2711"/>
          <ac:spMkLst>
            <pc:docMk/>
            <pc:sldMk cId="2484696425" sldId="923"/>
            <ac:spMk id="3" creationId="{10CAE891-16F3-405E-AA2D-6982F8843F60}"/>
          </ac:spMkLst>
        </pc:spChg>
        <pc:spChg chg="del">
          <ac:chgData name="Bielecka, Aleksandra" userId="60353cab-9933-4252-8281-5e6a2ba630bd" providerId="ADAL" clId="{2B4F0AFC-10A4-4317-B62F-693FB589CA9B}" dt="2023-05-09T12:32:09.980" v="19" actId="478"/>
          <ac:spMkLst>
            <pc:docMk/>
            <pc:sldMk cId="2484696425" sldId="923"/>
            <ac:spMk id="4" creationId="{63382E1C-6C7D-4C18-82CF-3E21B8E2A373}"/>
          </ac:spMkLst>
        </pc:spChg>
      </pc:sldChg>
      <pc:sldChg chg="delSp modSp mod modNotesTx">
        <pc:chgData name="Bielecka, Aleksandra" userId="60353cab-9933-4252-8281-5e6a2ba630bd" providerId="ADAL" clId="{2B4F0AFC-10A4-4317-B62F-693FB589CA9B}" dt="2023-05-09T12:57:38.869" v="55" actId="2711"/>
        <pc:sldMkLst>
          <pc:docMk/>
          <pc:sldMk cId="3310403281" sldId="927"/>
        </pc:sldMkLst>
        <pc:spChg chg="mod">
          <ac:chgData name="Bielecka, Aleksandra" userId="60353cab-9933-4252-8281-5e6a2ba630bd" providerId="ADAL" clId="{2B4F0AFC-10A4-4317-B62F-693FB589CA9B}" dt="2023-05-09T12:57:35.415" v="54" actId="2711"/>
          <ac:spMkLst>
            <pc:docMk/>
            <pc:sldMk cId="3310403281" sldId="927"/>
            <ac:spMk id="4" creationId="{00000000-0000-0000-0000-000000000000}"/>
          </ac:spMkLst>
        </pc:spChg>
        <pc:spChg chg="del">
          <ac:chgData name="Bielecka, Aleksandra" userId="60353cab-9933-4252-8281-5e6a2ba630bd" providerId="ADAL" clId="{2B4F0AFC-10A4-4317-B62F-693FB589CA9B}" dt="2023-05-09T12:57:31.370" v="53" actId="478"/>
          <ac:spMkLst>
            <pc:docMk/>
            <pc:sldMk cId="3310403281" sldId="927"/>
            <ac:spMk id="5" creationId="{B05320D7-C1CA-407B-8876-DBF5FBEBDC43}"/>
          </ac:spMkLst>
        </pc:spChg>
        <pc:spChg chg="mod">
          <ac:chgData name="Bielecka, Aleksandra" userId="60353cab-9933-4252-8281-5e6a2ba630bd" providerId="ADAL" clId="{2B4F0AFC-10A4-4317-B62F-693FB589CA9B}" dt="2023-05-09T12:57:38.869" v="55" actId="2711"/>
          <ac:spMkLst>
            <pc:docMk/>
            <pc:sldMk cId="3310403281" sldId="927"/>
            <ac:spMk id="11" creationId="{00000000-0000-0000-0000-000000000000}"/>
          </ac:spMkLst>
        </pc:spChg>
      </pc:sldChg>
      <pc:sldChg chg="delSp modSp mod modNotesTx">
        <pc:chgData name="Bielecka, Aleksandra" userId="60353cab-9933-4252-8281-5e6a2ba630bd" providerId="ADAL" clId="{2B4F0AFC-10A4-4317-B62F-693FB589CA9B}" dt="2023-05-09T12:58:02.063" v="59" actId="2711"/>
        <pc:sldMkLst>
          <pc:docMk/>
          <pc:sldMk cId="3037348443" sldId="930"/>
        </pc:sldMkLst>
        <pc:spChg chg="mod">
          <ac:chgData name="Bielecka, Aleksandra" userId="60353cab-9933-4252-8281-5e6a2ba630bd" providerId="ADAL" clId="{2B4F0AFC-10A4-4317-B62F-693FB589CA9B}" dt="2023-05-09T12:57:59.549" v="58" actId="2711"/>
          <ac:spMkLst>
            <pc:docMk/>
            <pc:sldMk cId="3037348443" sldId="930"/>
            <ac:spMk id="2" creationId="{00000000-0000-0000-0000-000000000000}"/>
          </ac:spMkLst>
        </pc:spChg>
        <pc:spChg chg="mod">
          <ac:chgData name="Bielecka, Aleksandra" userId="60353cab-9933-4252-8281-5e6a2ba630bd" providerId="ADAL" clId="{2B4F0AFC-10A4-4317-B62F-693FB589CA9B}" dt="2023-05-09T12:58:02.063" v="59" actId="2711"/>
          <ac:spMkLst>
            <pc:docMk/>
            <pc:sldMk cId="3037348443" sldId="930"/>
            <ac:spMk id="3" creationId="{BCFC94D9-FA9D-4B05-9A28-5D1BE3913B4D}"/>
          </ac:spMkLst>
        </pc:spChg>
        <pc:spChg chg="del">
          <ac:chgData name="Bielecka, Aleksandra" userId="60353cab-9933-4252-8281-5e6a2ba630bd" providerId="ADAL" clId="{2B4F0AFC-10A4-4317-B62F-693FB589CA9B}" dt="2023-05-09T12:57:56.874" v="57" actId="478"/>
          <ac:spMkLst>
            <pc:docMk/>
            <pc:sldMk cId="3037348443" sldId="930"/>
            <ac:spMk id="4" creationId="{FA57C061-5701-4D95-B76E-A679DC1EB513}"/>
          </ac:spMkLst>
        </pc:spChg>
      </pc:sldChg>
      <pc:sldChg chg="delSp modSp mod modNotesTx">
        <pc:chgData name="Bielecka, Aleksandra" userId="60353cab-9933-4252-8281-5e6a2ba630bd" providerId="ADAL" clId="{2B4F0AFC-10A4-4317-B62F-693FB589CA9B}" dt="2023-05-09T12:59:25.048" v="74" actId="20577"/>
        <pc:sldMkLst>
          <pc:docMk/>
          <pc:sldMk cId="3001650999" sldId="945"/>
        </pc:sldMkLst>
        <pc:spChg chg="mod">
          <ac:chgData name="Bielecka, Aleksandra" userId="60353cab-9933-4252-8281-5e6a2ba630bd" providerId="ADAL" clId="{2B4F0AFC-10A4-4317-B62F-693FB589CA9B}" dt="2023-05-09T12:59:25.048" v="74" actId="20577"/>
          <ac:spMkLst>
            <pc:docMk/>
            <pc:sldMk cId="3001650999" sldId="945"/>
            <ac:spMk id="2" creationId="{9A6DA80D-AF05-4AA4-AE14-0EDC323411E6}"/>
          </ac:spMkLst>
        </pc:spChg>
        <pc:spChg chg="mod">
          <ac:chgData name="Bielecka, Aleksandra" userId="60353cab-9933-4252-8281-5e6a2ba630bd" providerId="ADAL" clId="{2B4F0AFC-10A4-4317-B62F-693FB589CA9B}" dt="2023-05-09T12:58:33.469" v="62" actId="2711"/>
          <ac:spMkLst>
            <pc:docMk/>
            <pc:sldMk cId="3001650999" sldId="945"/>
            <ac:spMk id="3" creationId="{999DD57B-D6E8-4E5C-A6E6-1575B9728E72}"/>
          </ac:spMkLst>
        </pc:spChg>
        <pc:spChg chg="del">
          <ac:chgData name="Bielecka, Aleksandra" userId="60353cab-9933-4252-8281-5e6a2ba630bd" providerId="ADAL" clId="{2B4F0AFC-10A4-4317-B62F-693FB589CA9B}" dt="2023-05-09T12:58:29.103" v="61" actId="478"/>
          <ac:spMkLst>
            <pc:docMk/>
            <pc:sldMk cId="3001650999" sldId="945"/>
            <ac:spMk id="5" creationId="{08E898A2-B956-4499-9E5D-B0236D87D8E7}"/>
          </ac:spMkLst>
        </pc:spChg>
      </pc:sldChg>
      <pc:sldChg chg="delSp modSp mod modNotesTx">
        <pc:chgData name="Bielecka, Aleksandra" userId="60353cab-9933-4252-8281-5e6a2ba630bd" providerId="ADAL" clId="{2B4F0AFC-10A4-4317-B62F-693FB589CA9B}" dt="2023-05-09T12:57:00.820" v="51" actId="14734"/>
        <pc:sldMkLst>
          <pc:docMk/>
          <pc:sldMk cId="3466803048" sldId="980"/>
        </pc:sldMkLst>
        <pc:spChg chg="mod">
          <ac:chgData name="Bielecka, Aleksandra" userId="60353cab-9933-4252-8281-5e6a2ba630bd" providerId="ADAL" clId="{2B4F0AFC-10A4-4317-B62F-693FB589CA9B}" dt="2023-05-09T12:38:06.753" v="43" actId="1076"/>
          <ac:spMkLst>
            <pc:docMk/>
            <pc:sldMk cId="3466803048" sldId="980"/>
            <ac:spMk id="2" creationId="{4594CACE-7EEE-4352-AC87-758D775CFD6B}"/>
          </ac:spMkLst>
        </pc:spChg>
        <pc:spChg chg="mod">
          <ac:chgData name="Bielecka, Aleksandra" userId="60353cab-9933-4252-8281-5e6a2ba630bd" providerId="ADAL" clId="{2B4F0AFC-10A4-4317-B62F-693FB589CA9B}" dt="2023-05-09T12:38:10.479" v="44" actId="2711"/>
          <ac:spMkLst>
            <pc:docMk/>
            <pc:sldMk cId="3466803048" sldId="980"/>
            <ac:spMk id="3" creationId="{C20CBFA9-20C8-4303-BDF0-72E7F9BFD42D}"/>
          </ac:spMkLst>
        </pc:spChg>
        <pc:spChg chg="del">
          <ac:chgData name="Bielecka, Aleksandra" userId="60353cab-9933-4252-8281-5e6a2ba630bd" providerId="ADAL" clId="{2B4F0AFC-10A4-4317-B62F-693FB589CA9B}" dt="2023-05-09T12:38:01.833" v="41" actId="478"/>
          <ac:spMkLst>
            <pc:docMk/>
            <pc:sldMk cId="3466803048" sldId="980"/>
            <ac:spMk id="5" creationId="{FCD1DFDB-D8FF-4EDF-9A18-69D1780BB399}"/>
          </ac:spMkLst>
        </pc:spChg>
        <pc:graphicFrameChg chg="modGraphic">
          <ac:chgData name="Bielecka, Aleksandra" userId="60353cab-9933-4252-8281-5e6a2ba630bd" providerId="ADAL" clId="{2B4F0AFC-10A4-4317-B62F-693FB589CA9B}" dt="2023-05-09T12:57:00.820" v="51" actId="14734"/>
          <ac:graphicFrameMkLst>
            <pc:docMk/>
            <pc:sldMk cId="3466803048" sldId="980"/>
            <ac:graphicFrameMk id="4" creationId="{F93ECBBE-B95F-4B1F-BB80-03FA74503875}"/>
          </ac:graphicFrameMkLst>
        </pc:graphicFrameChg>
      </pc:sldChg>
      <pc:sldChg chg="delSp modSp mod modNotesTx">
        <pc:chgData name="Bielecka, Aleksandra" userId="60353cab-9933-4252-8281-5e6a2ba630bd" providerId="ADAL" clId="{2B4F0AFC-10A4-4317-B62F-693FB589CA9B}" dt="2023-05-09T12:59:45.505" v="78" actId="2711"/>
        <pc:sldMkLst>
          <pc:docMk/>
          <pc:sldMk cId="1495505613" sldId="1054"/>
        </pc:sldMkLst>
        <pc:spChg chg="mod">
          <ac:chgData name="Bielecka, Aleksandra" userId="60353cab-9933-4252-8281-5e6a2ba630bd" providerId="ADAL" clId="{2B4F0AFC-10A4-4317-B62F-693FB589CA9B}" dt="2023-05-09T12:59:45.505" v="78" actId="2711"/>
          <ac:spMkLst>
            <pc:docMk/>
            <pc:sldMk cId="1495505613" sldId="1054"/>
            <ac:spMk id="2" creationId="{A89F64F7-84D8-4E45-8E2B-7CDD9A416319}"/>
          </ac:spMkLst>
        </pc:spChg>
        <pc:spChg chg="mod">
          <ac:chgData name="Bielecka, Aleksandra" userId="60353cab-9933-4252-8281-5e6a2ba630bd" providerId="ADAL" clId="{2B4F0AFC-10A4-4317-B62F-693FB589CA9B}" dt="2023-05-09T12:59:41.959" v="77" actId="2711"/>
          <ac:spMkLst>
            <pc:docMk/>
            <pc:sldMk cId="1495505613" sldId="1054"/>
            <ac:spMk id="3" creationId="{F9E24492-2B96-4E45-926B-608EA1D19241}"/>
          </ac:spMkLst>
        </pc:spChg>
        <pc:spChg chg="del">
          <ac:chgData name="Bielecka, Aleksandra" userId="60353cab-9933-4252-8281-5e6a2ba630bd" providerId="ADAL" clId="{2B4F0AFC-10A4-4317-B62F-693FB589CA9B}" dt="2023-05-09T12:59:38.404" v="76" actId="478"/>
          <ac:spMkLst>
            <pc:docMk/>
            <pc:sldMk cId="1495505613" sldId="1054"/>
            <ac:spMk id="17" creationId="{5B28940A-B484-45B4-900F-AEC8D33EEEB4}"/>
          </ac:spMkLst>
        </pc:spChg>
      </pc:sldChg>
      <pc:sldChg chg="modSp mod">
        <pc:chgData name="Bielecka, Aleksandra" userId="60353cab-9933-4252-8281-5e6a2ba630bd" providerId="ADAL" clId="{2B4F0AFC-10A4-4317-B62F-693FB589CA9B}" dt="2023-05-09T12:36:57.524" v="37" actId="20577"/>
        <pc:sldMkLst>
          <pc:docMk/>
          <pc:sldMk cId="1676220070" sldId="1061"/>
        </pc:sldMkLst>
        <pc:spChg chg="mod">
          <ac:chgData name="Bielecka, Aleksandra" userId="60353cab-9933-4252-8281-5e6a2ba630bd" providerId="ADAL" clId="{2B4F0AFC-10A4-4317-B62F-693FB589CA9B}" dt="2023-05-09T12:36:57.524" v="37" actId="20577"/>
          <ac:spMkLst>
            <pc:docMk/>
            <pc:sldMk cId="1676220070" sldId="1061"/>
            <ac:spMk id="3" creationId="{E2F7D19E-2448-4A95-A959-9E5E0BB6B1B7}"/>
          </ac:spMkLst>
        </pc:spChg>
      </pc:sldChg>
      <pc:sldChg chg="modSp mod">
        <pc:chgData name="Bielecka, Aleksandra" userId="60353cab-9933-4252-8281-5e6a2ba630bd" providerId="ADAL" clId="{2B4F0AFC-10A4-4317-B62F-693FB589CA9B}" dt="2023-05-09T12:37:11.308" v="40" actId="404"/>
        <pc:sldMkLst>
          <pc:docMk/>
          <pc:sldMk cId="341200684" sldId="1063"/>
        </pc:sldMkLst>
        <pc:spChg chg="mod">
          <ac:chgData name="Bielecka, Aleksandra" userId="60353cab-9933-4252-8281-5e6a2ba630bd" providerId="ADAL" clId="{2B4F0AFC-10A4-4317-B62F-693FB589CA9B}" dt="2023-05-09T12:37:11.308" v="40" actId="404"/>
          <ac:spMkLst>
            <pc:docMk/>
            <pc:sldMk cId="341200684" sldId="1063"/>
            <ac:spMk id="4" creationId="{5D4A3BED-9196-4A2D-9403-EDCCE1492197}"/>
          </ac:spMkLst>
        </pc:spChg>
      </pc:sldChg>
      <pc:sldChg chg="delSp modSp mod modNotesTx">
        <pc:chgData name="Bielecka, Aleksandra" userId="60353cab-9933-4252-8281-5e6a2ba630bd" providerId="ADAL" clId="{2B4F0AFC-10A4-4317-B62F-693FB589CA9B}" dt="2023-05-09T13:00:17.120" v="82" actId="2711"/>
        <pc:sldMkLst>
          <pc:docMk/>
          <pc:sldMk cId="2149986305" sldId="1083"/>
        </pc:sldMkLst>
        <pc:spChg chg="mod">
          <ac:chgData name="Bielecka, Aleksandra" userId="60353cab-9933-4252-8281-5e6a2ba630bd" providerId="ADAL" clId="{2B4F0AFC-10A4-4317-B62F-693FB589CA9B}" dt="2023-05-09T13:00:17.120" v="82" actId="2711"/>
          <ac:spMkLst>
            <pc:docMk/>
            <pc:sldMk cId="2149986305" sldId="1083"/>
            <ac:spMk id="2" creationId="{5F091EB6-3777-4872-931D-938808FD9F95}"/>
          </ac:spMkLst>
        </pc:spChg>
        <pc:spChg chg="mod">
          <ac:chgData name="Bielecka, Aleksandra" userId="60353cab-9933-4252-8281-5e6a2ba630bd" providerId="ADAL" clId="{2B4F0AFC-10A4-4317-B62F-693FB589CA9B}" dt="2023-05-09T13:00:03.175" v="79" actId="2711"/>
          <ac:spMkLst>
            <pc:docMk/>
            <pc:sldMk cId="2149986305" sldId="1083"/>
            <ac:spMk id="3" creationId="{E9905C05-4646-4E24-8E20-80EEF224790A}"/>
          </ac:spMkLst>
        </pc:spChg>
        <pc:spChg chg="del">
          <ac:chgData name="Bielecka, Aleksandra" userId="60353cab-9933-4252-8281-5e6a2ba630bd" providerId="ADAL" clId="{2B4F0AFC-10A4-4317-B62F-693FB589CA9B}" dt="2023-05-09T13:00:08.838" v="81" actId="478"/>
          <ac:spMkLst>
            <pc:docMk/>
            <pc:sldMk cId="2149986305" sldId="1083"/>
            <ac:spMk id="10" creationId="{6E5565DD-0738-4E3A-938D-B77D144CE94A}"/>
          </ac:spMkLst>
        </pc:spChg>
      </pc:sldChg>
      <pc:sldMasterChg chg="delSldLayout">
        <pc:chgData name="Bielecka, Aleksandra" userId="60353cab-9933-4252-8281-5e6a2ba630bd" providerId="ADAL" clId="{2B4F0AFC-10A4-4317-B62F-693FB589CA9B}" dt="2023-05-09T12:29:59.065" v="6" actId="2696"/>
        <pc:sldMasterMkLst>
          <pc:docMk/>
          <pc:sldMasterMk cId="3408294523" sldId="2147483733"/>
        </pc:sldMasterMkLst>
        <pc:sldLayoutChg chg="del">
          <pc:chgData name="Bielecka, Aleksandra" userId="60353cab-9933-4252-8281-5e6a2ba630bd" providerId="ADAL" clId="{2B4F0AFC-10A4-4317-B62F-693FB589CA9B}" dt="2023-05-09T12:29:59.065" v="6" actId="2696"/>
          <pc:sldLayoutMkLst>
            <pc:docMk/>
            <pc:sldMasterMk cId="3408294523" sldId="2147483733"/>
            <pc:sldLayoutMk cId="2459186242" sldId="2147483816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 dirty="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0-01-17T12:55:31.879"/>
    </inkml:context>
    <inkml:brush xml:id="br0">
      <inkml:brushProperty name="width" value="0.05" units="cm"/>
      <inkml:brushProperty name="height" value="0.05" units="cm"/>
      <inkml:brushProperty name="color" value="#FFFFFF"/>
      <inkml:brushProperty name="ignorePressure" value="1"/>
    </inkml:brush>
  </inkml:definitions>
  <inkml:trace contextRef="#ctx0" brushRef="#br0">2851 392,'-199'-7,"1"-9,0-9,1-8,-49-22,-167-18,265 51,-271-28,176 25,-23-15,194 25,33 5,1 3,-1 1,0 2,0 1,-4 3,28 0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0-01-17T12:55:32.743"/>
    </inkml:context>
    <inkml:brush xml:id="br0">
      <inkml:brushProperty name="width" value="0.05" units="cm"/>
      <inkml:brushProperty name="height" value="0.05" units="cm"/>
      <inkml:brushProperty name="color" value="#FFFFFF"/>
      <inkml:brushProperty name="ignorePressure" value="1"/>
    </inkml:brush>
  </inkml:definitions>
  <inkml:trace contextRef="#ctx0" brushRef="#br0">902 21,'-642'-16,"402"11,220 5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0-01-17T12:54:30.055"/>
    </inkml:context>
    <inkml:brush xml:id="br0">
      <inkml:brushProperty name="width" value="0.05" units="cm"/>
      <inkml:brushProperty name="height" value="0.05" units="cm"/>
      <inkml:brushProperty name="color" value="#FFFFFF"/>
      <inkml:brushProperty name="ignorePressure" value="1"/>
    </inkml:brush>
  </inkml:definitions>
  <inkml:trace contextRef="#ctx0" brushRef="#br0">633 0,'-3'2,"0"0,0 0,0 0,0 0,0 0,0 1,1-1,-1 1,1 0,0 0,0 0,0 0,0 0,0 0,1 0,-2 4,-2 2,-39 64,4 2,-23 60,49-101,8-21,0 1,1-1,0 1,2 0,-1 0,2 0,0 0,0 12,4 471,-2-484,1-1,0 0,1 1,1-1,0 0,1 2,-2-8,0 0,0 0,1-1,0 1,0-1,0 1,0-1,1 0,0-1,0 1,1-1,-1 1,3 0,-7-4,1 0,0-1,0 1,0 0,0-1,0 1,0 0,0-1,1 0,-1 1,0-1,0 0,0 1,0-1,1 0,-1 0,0 0,0 0,0 0,1 0,-1 0,0 0,0-1,0 1,0 0,0-1,1 1,-1-1,0 1,0-1,1-1,0 0,0-1,0 1,-1 0,1-1,-1 1,0-1,0 1,0-1,0 1,0-1,0 0,-1 0,3-14,0 0,-2 0,0 0,0 0,-1 16,0-10,-1-34,2 0,3 0,1 0,10-38,25-25,-30 73,1 0,2 1,10-19,-83 132,-3-3,-3-3,-69 57,78-80,10-9,1 2,-9 15,41-42,1 0,1 2,0-1,2 1,0 1,1 0,0 0,-3 17,6-14</inkml:trace>
  <inkml:trace contextRef="#ctx0" brushRef="#br0" timeOffset="5012.89">706 653,'-30'52,"-1"-1,-20 21,20-30,2 2,1 0,-9 27,24-45,7-14,0 1,0-1,2 1,-1 0,2 0,-1 0,1 6,3-19,0 1,0-1,-1 1,1-1,0 1,0-1,0 1,0 0,0-1,0 1,0-1,0 1,1-1,-1 1,0-1,0 1,0-1,1 1,-1-1,0 1,0-1,1 1,-1-1,0 1,1-1,-1 0,1 1,-1-1,1 0,-1 1,0-1,1 0,-1 0,1 1,-1-1,1 0,-1 0,1 0,0 1,-1-1,1 0,-1 0,1 0,-1 0,1 0,-1 0,1 0,-1-1,1 1,0 0,-1 0,1 0,-1 0,1-1,-1 1,1 0,-1-1,34-18,-31 17,48-34,-1-2,-2-2,-2-2,-2-3,-2-1,15-23,-52 62,0 1,-1-1,0 0,0 0,-1 0,1-2,-4 8,1 0,-1 0,0-1,1 1,-1 0,0 0,0-1,0 1,0 0,0-1,0 1,0 0,0 0,-1-1,1 1,0 0,-1 0,1-1,-1 1,1 0,-1 0,0 0,1 0,-1 0,0 0,0 0,0 0,0 0,0 0,0 0,0 1,0-1,0 0,0 1,0-1,0 1,-1-1,1 1,0-1,-1 1,-9-2,0 0,0 0,0 1,-1 1,1 0,0 0,-1 1,1 1,-1 0,-4 0,0 0,0-1,-13-2,28 1,0 0,0 0,0 0,0 0,0 0,0 0,0-1,1 1,-1 0,0-1,0 1,0-1,0 1,0-1,1 1,-1-1,0 1,0-1,1 0,-1 0,0 1,1-1,-1 0,1 0,-1 0,1 0,-1 0,1-1,0 0,-1 0,1-1,0 1,0 0,0 0,1 0,-1 0,0 0,1 0,-1 0,2-2,28-55,-27 56,28-45,-21 37,-22 34,-21 42,2 1,4 1,2 1,-8 46,25-59,8-55,0 1,-1 0,1 0,0-1,0 1,0 0,0 0,0 0,0-1,0 1,1 0,-1 0,0-1,0 1,1 0,-1 0,0-1,1 1,-1 0,0-1,1 1,-1-1,1 1,0 0,-1-1,1 1,-1-1,1 0,0 1,-1-1,1 1,0-1,-1 0,1 1,0-1,0 0,-1 0,1 0,0 0,0 1,-1-1,1 0,0 0,0-1,-1 1,1 0,0 0,0 0,-1 0,1-1,0 1,0 0,-1-1,1 1,0 0,-1-1,1 1,0-1,-1 1,1-1,-1 1,1-1,-1 0,1 1,13-11,0 0,-1 0,0-2,-1 1,0-2,-1 1,-1-2,0 1,0-1,-2-1,0 0,-1 0,0 0,-2-1,1-4,-24 101,3 1,-4 74,21-145,4-23,5-28,-9 32,0-2,0 1,0-1,-1 1,-1-1,0 0,0 1,-1-1,0 1,-3-9,4 19,0 0,0 0,0-1,0 1,-1 0,1 0,0 0,0 0,0-1,-1 1,1 0,0 0,0 0,0 0,-1 0,1 0,0 0,0 0,-1-1,1 1,0 0,0 0,-1 0,1 0,0 0,0 0,-1 0,1 1,0-1,0 0,0 0,-1 0,1 0,0 0,0 0,-1 0,1 0,0 1,0-1,0 0,0 0,-1 0,1 0,0 1,0-1,0 0,0 0,0 0,-1 1,-8 11,8-12,-24 41,1 0,2 2,2 1,2 0,1 2,-4 26,30-97,2-5,-1 0,3-23,-4 11,1 0,2 0,2 1,2 1,1 0,17-27,-32 63,16-35,-21 25,2 13,0 1,0 0,0-1,0 1,0 0,0 0,0-1,0 1,0 0,0 0,0 0,0 1,0-1,0 0,0 0,0 0,0 1,0-1,0 1,0-1,-21 10,0 1,1 1,1 1,0 0,0 2,1 0,1 2,-2 2,-10 8,-143 146,248-265,77-47,-55 51,-92 83,-8 4,-21 12,-31 20,38-20,9-7,0 1,0 0,1 0,0 1,0 0,0 0,-1 3,47-24,-2-10,-24 15,1 1,-1 0,1 1,1 0,0 1,0 1,5-1,-19 6,-1 1,0 0,1 0,-1 0,0 0,1 0,-1 0,1 0,-1 0,0 0,1 0,-1 0,0 0,1 0,-1 0,1 0,-1 0,0 0,1 1,-1-1,0 0,1 0,-1 0,0 0,0 1,1-1,-1 0,0 0,1 1,-1-1,0 0,0 1,0-1,1 0,-1 1,0-1,0 0,0 1,0-1,0 0,0 1,-3 19,-15 18,-4-1,10-19,1 0,2 1,-2 4,10-23,1 0,0 0,0 1,0-1,-1 0,1 0,0 0,0 0,0 1,0-1,0 0,-1 0,1 0,0 1,0-1,0 0,0 0,0 0,0 1,0-1,0 0,0 0,0 0,0 1,0-1,0 0,0 0,0 1,0-1,0 0,0 0,0 1,0-1,0 0,0 0,0 0,0 1,1-1,-1 0,0 0,0 0,0 0,0 1,0-1,1 0,-1 0,0 0,0 0,0 0,1 1,-1-1,0 0,0 0,0 0,1 0,-1 0,15-9,15-18,-21 14,0 1,-11 23,-14 43,11-35,-1 0,0-1,-1 0,-1-1,-1 1,-2 2,-18 35,21-41</inkml:trace>
  <inkml:trace contextRef="#ctx0" brushRef="#br0" timeOffset="19571.12">633 1573,'0'-5,"0"-4,0-6,0-4,0-7,0-3,0-1,0-4,0 0,0 2,0 2,0 2,0 2,0 5</inkml:trace>
  <inkml:trace contextRef="#ctx0" brushRef="#br0" timeOffset="29068.28">633 1161,'-3'17,"0"0,-1 0,-1 0,0-1,-2 0,1 0,-2 0,0-1,-7 9,-16 34,24-41,1 0,1 1,1 0,0 0,1 0,1 0,1 0,1 1,0 43,7 40,-7-100,0 0,0 0,0 0,0 1,1-1,-1 0,0-1,1 1,0 0,-1 0,1 0,0 0,0 0,0-1,0 1,1 0,-1-1,1 2,-1-3,0 0,0 1,0-1,0 0,0 0,0 0,0 1,0-1,0 0,0-1,0 1,0 0,0 0,0 0,0 0,0-1,-1 1,1-1,0 1,0 0,0-1,0 1,0-1,-1 0,1 1,0-1,8-8,1 1,-2-2,1 1,-1-1,1-3,-4 7,33-42,-17 23,-1-1,-2-1,1-2,-14 20,0-1,-1 0,0 0,0-1,-1 1,0-1,-1 0,0 0,-1 1,0-1,-1-2,0-5,1 5,-1-1,-1 1,0 0,-1 0,0 0,-1-2,2 12,-1-1,1 1,0 0,-1 0,1 0,-1 0,0 1,0-1,0 0,-1 1,1-1,0 1,-1 0,0 0,1 0,-1 0,0 0,0 1,0-1,0 1,-1 0,1 0,0 0,0 0,-1 0,0 1,-8-2,0 0,0 1,0 1,0 0,0 0,0 1,0 1,0 0,-8 3,16-4,0 0,0 1,0 0,0 0,0 0,1 0,-1 1,1-1,-1 1,1 0,0 0,0 0,0 1,1-1,-1 1,1-1,0 1,0 0,0 0,0 0,1 0,0 0,0 0,0 0,0 0,0 1,1-1,0 1,-2 21,2-1,0 1,4 22,-3-42,0 1,0-1,0 0,1 0,0 0,0 0,0 0,1 0,0-1,0 1,0-1,1 0,0 0,0 0,0 0,0-1,1 0,1 2,-5-6,0 1,0-1,-1 1,1-1,0 1,0-1,0 1,0-1,-1 0,1 1,0-1,0 0,0 0,0 0,0 0,0 0,0 0,0 0,0 0,0 0,0 0,-1 0,1-1,0 1,0 0,0-1,0 1,0-1,-1 1,2-1,-1-1,1 1,-1-1,0 0,0 0,1 0,-1 0,-1 0,1 0,0 0,0-1,-1 1,1-2,1-11,0 0,-1 0,-1-13,0 24,-3-339,3 994,0-1205,0 549,0 0,-1 0,1 0,-1 0,0 0,0 0,-1 0,0 0,2 4,0 1,0 0,0 0,0-1,0 1,0 0,-1-1,1 1,0 0,0 0,0 0,-1-1,1 1,0 0,0 0,-1 0,1-1,0 1,0 0,-1 0,1 0,0 0,-1 0,1 0,0 0,0 0,-1 0,1 0,0 0,-1 0,1 0,0 0,-1 0,1 0,0 0,0 0,-1 0,1 0,0 0,-1 0,-15 23,-7 35,2 1,3 2,2-1,-4 47,12-52,0 46,6-56,-3-1,-1 0,-4 10,10-54,-6 23,1-1,1 1,1 1,1-1,1 13,1-32,0 1,0 0,1-1,0 1,0-1,1 1,-1-1,1 0,0 1,0-1,0 0,0 0,1 0,0 0,-1-2,1 0,-1 0,1 0,0 0,0 0,0 0,0-1,0 1,0-1,0 0,0 0,1 0,-1-1,0 1,1-1,-1 0,0 1,1-2,-1 1,1 0,0-1,1 1,0-1,-1 0,1 0,-1-1,1 1,-1-1,1 0,-1 0,0-1,0 1,0-1,0 0,-1 0,1 0,-1 0,0-1,0 1,0-1,0 0,0 0,-1 0,0 0,0 0,0-1,0 1,-1-1,0 1,1-1,-2 0,1-1,3-20,-1 0,-2 0,0-1,-2 1,-1-3,0-10,1-27,1 59,0 9,0 35,-3 18,-2-1,-3 0,-3 5,-6 38,14-76,1-5,0 1,-2-1,0 1,-1 0,14-132,-6 79,0-3,1 0,2 0,10-35,-7 41,-2 0,-2 0,-1-1,-1-21,-5-139,-1 68,4-441,-30 708,13-62,-22 62,15-63,14-31,3 0,1 0,2 0,2 0,3 1,1-1,1 75,-6 11,0-13,7 32,11-51,-11-79,-5-21,0 1,0-1,0 0,1 1,-1-1,0 0,1 1,-1-1,1 0,-1 0,1 1,0-1,-1 0,1 0,0 0,0 0,0 0,0 0,0 0,0 0,0-1,0 1,0 0,0 0,1-1,-1 0,0 0,1 0,-1 0,1 0,-1 0,0-1,1 1,-1-1,0 1,0-1,1 1,-1-1,0 0,0 0,0 1,0-1,0 0,0 0,1-1,4-4,0-1,-1 1,0-1,0-1,0 1,-1 0,1-5,1-8,-1-1,-2 0,0 0,-1 0,-1-1,-1 1,0 0,-3-12,2 17,1 308,-1-129,0-151,-1-1,0 1,0-1,-1 0,0 1,-1-1,-3 5,2-2,0 0,1 0,0 1,0 4,-7 49,5-40,2 1,0 0,3 0,0 15,1-44,0 1,0-1,-1 0,1 1,0-1,0 0,0 1,0-1,0 0,0 1,0-1,0 0,0 1,0-1,0 0,0 1,0-1,0 0,0 1,0-1,1 0,-1 1,0-1,0 0,0 1,0-1,1 0,-1 0,0 1,0-1,1 0,-1 0,0 1,0-1,1 0,-1 0,0 0,1 1,-1-1,0 0,1 0,-1 0,0 0,1 0,-1 0,0 0,1 0,12-17,8-30,7-44,-23 67,2 0,1 1,0 0,2 0,1 1,11-17,-22 39,0 0,1 0,-1 0,0 0,0 0,1 0,-1 0,0 0,0 0,1 0,-1 0,0 0,0 0,1 0,-1 0,0 0,0 1,1-1,-1 0,0 0,0 0,0 0,0 1,1-1,-1 0,0 0,0 0,0 1,0-1,1 0,-1 0,0 1,0-1,0 0,0 0,0 1,0-1,0 0,0 0,0 1,0-1,0 0,0 0,0 1,0-1,0 0,0 0,0 1,0-1,-1 0,1 0,0 1,0-1,2 20,-2 6,0 1,-2-1,-4 21,4-36,-1 0,0 0,0 0,-1-1,-1 0,0 1,0-2,-1 1,0 0,-2 1,8-11,0 0,0 0,0 1,-1-1,1 0,0 0,0 1,0-1,0 0,0 0,-1 0,1 0,0 1,0-1,0 0,-1 0,1 0,0 0,0 0,0 1,-1-1,1 0,0 0,0 0,-1 0,1 0,0 0,0 0,-1 0,1 0,0 0,0 0,-1 0,1 0,0 0,0 0,-1 0,1-1,0 1,0 0,-1 0,1 0,0 0,0 0,0 0,0-1,-1 1,1 0,0 0,0 0,0-1,0 1,-1 0,1 0,-6-21,3-27,6-9,2 0,6-16,-2-7,-10 709,-1-591,-1 0,-6 20,-3 26,3-2,2-16,0 63,7-73,1-30</inkml:trace>
  <inkml:trace contextRef="#ctx0" brushRef="#br0" timeOffset="38089.61">561 3266,'-2'24,"-1"-1,-1 1,-1-1,0 0,-5 7,-9 43,8-39,-4 20,14-51,1 0,-1-1,1 1,0 0,0 0,0-1,0 1,0 0,1-1,-1 1,1 0,0-1,-1 1,1 0,2 1,-3-3,0-1,0 1,1-1,-1 0,0 1,1-1,-1 0,1 1,-1-1,0 0,1 1,-1-1,1 0,-1 0,0 0,1 1,-1-1,1 0,-1 0,1 0,-1 0,1 0,-1 0,1 0,-1 0,1 0,-1 0,1 0,-1 0,1 0,-1 0,1-1,-1 1,1 0,16-14,7-22,-18 14,0-1,-1 1,-1-5,14-57,-13 69,0-1,1 2,1-1,0 1,1 0,1 0,5-7,-8 22,-2 11,-2 13,1 130,-9 39,5-175,-1-1,0 0,-1 0,-1 0,-1 0,-1 0,-7 16,8-32,2-11,3-13,21-84,-13 72,-1 0,2-30,-9 54,1-1,1 1,0-1,0 1,1 0,0 0,1 0,0 0,1 0,0-1,-30 96,16-47,1 1,3 0,0-1,3 2,1 13,-1 15,7-208,-10-57,5 193,0 1,0 0,-1-1,1 1,-1 0,0 0,0-1,0 1,0 0,-1 0,1 0,-1 0,0 0,0 1,0-1,-1 0,2 2,0 1,0-1,-1 0,1 1,-1-1,1 1,0-1,-1 1,1 0,-1-1,1 1,-1 0,1 0,-1 0,1 0,-1 1,1-1,-1 0,1 0,-1 1,1-1,0 1,-1 0,1-1,0 1,-1 0,1 0,0 0,0 0,0 0,0 0,0 0,0 0,0 0,0 0,0 1,-11 12,1 1,0 0,1 1,1 0,0 1,1 0,1 0,0 2,7-17,-1-1,1 0,0 1,0-1,-1 1,1-1,0 0,0 1,0-1,0 1,1-1,-1 0,0 1,1-1,-1 1,0-1,1 0,0 1,-1-1,1 0,0 0,0 0,-1 1,1-1,0 0,0 0,0 0,1 0,-1-1,0 1,0 0,0 0,1-1,-1 1,0 0,1-1,-1 0,0 1,1-1,-1 0,0 0,1 1,0-1,11 2,0-1,1 0,-1 0,8-2,-10 1,3 0,0 1,0-1,0-1,0-1,8-1,-20 3,0 0,0-1,-1 1,1 0,0-1,0 0,-1 1,1-1,0 0,0 0,-1 0,1 0,-1 0,1 0,-1 0,0 0,1-1,-1 1,0-1,0 1,0-1,0 1,0-1,0 0,0 1,-1-1,1 0,-1 0,1 1,-1-1,1 0,-1 0,0 0,0 0,0-1,-1 0,0 1,1-1,-1 1,0 0,0 0,-1 0,1-1,0 1,-1 0,0 0,1 1,-1-1,0 0,0 1,0-1,0 1,0-1,0 1,0 0,0 0,-1 0,1 0,0 0,-1 0,1 1,-3-1,-11-2,0 0,0 1,-15 1,13 0,15 0,0 1,1 0,-1 0,1-1,-1 0,1 1,0-1,-1 0,1 0,0 0,-1-1,1 1,0 0,0-1,0 1,0-1,0-1,1 2,1 0,-1 0,1 0,0 0,0 0,-1 0,1 0,0-1,0 1,0 0,0 0,0 0,1 0,-1 0,0 0,0 0,1 0,-1 0,1 0,-1 0,1 0,-1 0,1 0,-1 0,1 0,0 0,0 0,-1 0,1 1,0-1,0 0,0 1,0-1,0 1,0-1,0 1,0-1,0 1,0-1,0 1,19-10,0 1,0 1,1 1,0 1,0 0,1 2,16-6,-133 6,55 6,-1 2,-21 6,90-4,29-2,29-4,-48-2,1 2,0 2,-1 1,0 2,28 8,-64-13,-1 0,1 1,0-1,-1 1,1-1,0 1,-1 0,1-1,-1 1,1 0,-1 0,1 0,-1 0,0 1,0-1,1 0,-1 0,0 1,0-1,0 1,0 0,-1 0,0-1,0 0,0 0,0 0,0 1,-1-1,1 0,0 0,-1 0,1 0,-1 0,1 0,-1 0,0 0,1 0,-1 0,0 0,0 0,1 0,-1 0,0 0,0-1,0 1,-8 6,0-1,-1-1,1 1,-1-1,0-1,-5 2,-275 81,168-53,88-23,34-11,0 0,0 0,0 0,0 1,0-1,0 0,0 0,0 0,0 0,0 0,1 0,-1 0,0 0,0 0,0 0,0 1,0-1,0 0,0 0,0 0,0 0,0 0,0 0,0 0,0 1,0-1,0 0,0 0,0 0,0 0,0 0,0 0,0 0,0 1,0-1,0 0,0 0,-1 0,1 0,0 0,0 0,0 0,0 0,0 0,0 0,0 1,0-1,0 0,0 0,-1 0,1 0,0 0,0 0,0 0,0 0,0 0,0 0,-1 0,19 3,24-2,-26-1,-5 0,0 0,-1-1,1 0,-1-1,1 0,4-2,-11 2,0 1,-1-1,0 0,1 0,-1 0,0-1,0 1,0-1,0 1,0-1,-1 0,0 0,1-1,-1 1,0 0,0-1,-1 1,1-1,0-3,26-85,-23 71,1-1,0 1,2 0,0 1,2 0,0 0,10-13,-20 32,0 1,0 0,0 0,0-1,0 1,0 0,1 0,-1 0,0-1,0 1,0 0,0 0,0 0,1 0,-1-1,0 1,0 0,0 0,1 0,-1 0,0 0,0 0,0 0,1 0,-1-1,0 1,0 0,0 0,1 0,-1 0,0 0,0 0,1 0,-1 0,0 0,0 1,1-1,-1 0,0 0,0 0,0 0,1 0,-1 0,0 0,0 0,0 1,1-1,-1 0,0 0,0 0,0 0,0 1,0-1,1 0,-1 0,0 0,0 1,5 20,-3 25,-2-46,0 20,-1 1,0-1,-2 0,0-1,-1 1,-1 0,-1-1,-1 0,0-1,-7 11,-2 6,1 0,-1 9,-9 22,21-104,6-56,0 30,-5-50,4 113,-1 0,0 0,0 0,0 0,-1 0,1 0,0 0,0 0,0 0,-1 0,1 0,-1 0,1 0,-1 0,1 0,-1 0,1 0,-1 0,0 0,1 1,-1-1,0 0,0 0,-1 0,1 1,0 0,0 0,1 0,-1 0,0 1,0-1,0 0,0 0,0 1,0-1,0 0,0 1,0-1,0 1,0-1,1 1,-1 0,0-1,0 1,1 0,-1-1,-4 6,0-1,0 1,1 0,-1 0,1 1,-2 4,-1 7,1 0,0 1,1 0,1 0,1 0,-1 20,2 28,3 25,0-49,-1-28,-1-10,1 0,0 0,0 0,0 0,1 1,0-1,0 0,0 0,0 0,1 0,0 0,0-1,1 2,-3-6,0 0,0 1,0-1,1 0,-1 0,0 1,0-1,1 0,-1 0,0 1,1-1,-1 0,0 0,1 0,-1 0,0 0,0 1,1-1,-1 0,1 0,-1 0,0 0,1 0,-1 0,0 0,1 0,-1 0,0 0,1 0,-1-1,0 1,1 0,-1 0,0 0,1 0,-1 0,0-1,10-13,2-20,-6-19,-1-1,-4 0,-1-1,-3-3,-1-58,-19 350,22-131,2-62,-1-34,0-14,0 2,-2-40,2 42,0 1,0 0,0-1,-1 1,1 0,-1 0,0-1,1 1,-1 0,0 0,0 0,-1 0,1 0,0 0,-1 0,1 0,-12 43,12-40,-9 64,2 0,3 1,3-1,6 47,-3 4,-1-113,0 1,-1 0,1-1,1 1,-1 0,1-1,-1 1,1 0,0-1,0 1,0-1,1 1,-1-1,1 0,0 0,0 1,0-1,1 1,-2-4,-1 0,1 0,-1 1,0-1,1 0,-1 0,1 0,-1 1,1-1,-1 0,1 0,-1 0,0 0,1 0,-1 0,1 0,-1 0,1 0,-1 0,1 0,-1 0,1 0,-1-1,1 1,-1 0,0 0,1 0,-1-1,1 1,-1 0,0 0,1-1,-1 1,0 0,1-1,-1 1,0-1,0 1,1 0,-1-1,0 1,0-1,1 1,9-24,-8 18,43-139,-31 90,3 2,12-24,-19 54,0 0,-2-1,3-14,-36 79,13-8,0 2,3-1,0 1,1 9,11-318,-3 310,-1 0,-3-1,0 1,-2-1,-2 0,-2 0,-10 27,20-61,0-1,-1 1,1 0,0-1,0 1,0 0,-1-1,1 1,0-1,-1 1,1 0,0-1,-1 1,1-1,-1 1,1-1,-1 1,1-1,-1 0,1 1,-1-1,1 1,-1-1,0 0,1 0,-1 1,0-1,-5-16,3-37,3 50,1-36,1 0,2 1,2 0,1 0,2 1,11-27,1-12,-20 113,-51 232,39-232,11-38,-1 1,1-1,-1 0,0 0,1 1,-1-1,1 0,0 0,-1 0,1 0,0 1,-1-1,1 0,0 0,0 0,0 0,0 0,0 0,0 0,0 0,0 0,-4-79,5-25,-1 79</inkml:trace>
  <inkml:trace contextRef="#ctx0" brushRef="#br0" timeOffset="41469.61">488 4402,'-1'6,"0"0,0-1,-1 1,0-1,1 1,-2-1,1 0,-1 0,-2 3,-11 29,4 5,-5 16,-1 0,-10 14,23-67,4-17,7-20,-4 26,13-30,-1-1,-2 0,-2 0,3-22,-3 19,-5 24</inkml:trace>
  <inkml:trace contextRef="#ctx0" brushRef="#br0" timeOffset="48987.99">512 4402,'2'95,"0"-24,-6 55,-2-105,-1 12,7-33,0 1,0-1,1 1,-1-1,0 1,0-1,0 1,0-1,0 0,1 1,-1-1,0 1,0-1,1 1,-1-1,0 0,1 1,-1-1,0 0,1 1,-1-1,0 0,1 0,-1 1,1-1,-1 0,1 0,-1 0,0 0,1 1,-1-1,1 0,-1 0,1 0,-1 0,1 0,-1 0,1 0,-1 0,1 0,-1-1,1 1,-1 0,0 0,1 0,-1 0,1-1,-1 1,1 0,-1 0,0-1,1 1,-1 0,1-1,8-4,1 0,-1-1,0 0,0-1,-1 0,0 0,0-1,6-8,-1 1,0-1,-2-1,0 0,4-8,-11 16,0 0,-1 0,0-1,0 1,-1-1,0 0,-1 1,0-1,-1 0,0 0,0 0,-1 0,0 1,-1-1,0 0,-2-4,4 13,-1 0,1 0,0 0,-1 0,1 0,-1 0,1 0,-1 0,1 0,-1 1,1-1,-1 0,0 0,0 1,1-1,-1 0,0 1,0-1,0 1,0-1,0 1,0-1,0 1,0 0,0-1,0 1,0 0,0 0,0 1,-1-1,1 1,0 0,0-1,0 1,0 0,0-1,0 1,0 0,0 0,0 0,0 0,1 0,-1 0,0 0,0 0,1 1,-5 6,1 1,0 0,1 0,0 0,-1 3,-2 26,2 0,1 0,2 0,2 0,1 1,-1 5,0-487,-1 1574,-1-1114,-1 0,-1-1,-1 1,0-1,-1 0,-1 0,-6 12,5-12,0 0,1 1,1-1,1 1,1 0,0 1,0 2,5-220,8 217,4 18,-3-6,-1-1,-2 1,-1 1,-1-1,-2 1,-1 0,-1 1,-2 0,-2 13,0-29,1 0,1 0,0 0,1 0,1 0,3 14,-5-29,0 1,0-1,0 1,0 0,0-1,0 1,0-1,0 1,0-1,1 1,-1 0,0-1,0 1,0-1,1 1,-1-1,0 1,1-1,-1 0,0 1,1-1,-1 1,1-1,-1 0,1 1,-1-1,0 0,1 1,-1-1,1 0,0 0,-1 1,1-1,-1 0,1 0,-1 0,1 0,-1 0,1 0,0 0,-1 0,1 0,-1 0,1 0,-1 0,1 0,0-1,-1 1,1 0,-1 0,1-1,-1 1,1 0,-1-1,0 1,1 0,-1-1,1 1,-1 0,0-1,1 1,-1-1,0 1,1-1,-1 0,22-38,-19 35,5-17,1 0,-2-1,-1 0,-1 0,-1 0,-1-1,1-18,-3-23,-2-1,-4-8,5 68,0 0,-1 0,0 0,0 0,0 0,-1 0,0 0,0 0,0 1,0-1,-1 1,0 0,0-1,0 1,0 0,-1 1,1-1,-1 1,0-1,0 1,0 0,-1 1,1-1,-1 1,1 0,-1 0,0 0,0 0,0 1,0 0,0 0,0 1,0-1,0 1,0 0,0 0,0 1,0-1,0 1,0 1,0-1,-1 1,3-1,0 1,0-1,0 1,1 0,-1 0,1 0,0 0,-1 1,1-1,0 0,0 1,0 0,1-1,-1 1,1 0,0 0,-1 0,1 0,0 0,1 0,-1 0,0 0,1 0,0 1,0 0,-2 17,2-1,0 1,3 15,0-8,5 17,3-25,-11-19,1-1,-1 0,1 0,-1 0,1 1,-1-1,1 0,-1 0,1 0,-1 0,1 0,-1 0,1 0,-1 0,1 0,-1 0,1 0,-1 0,1 0,-1 0,1 0,-1 0,1-1,-1 1,1 0,-1 0,0-1,1 1,-1 0,1-1,-1 1,0 0,1-1,-1 1,0-1,1 1,-1 0,3-5,-1 0,1 0,-1 0,0 0,0 0,-1-1,0 1,0 0,0-1,0 1,-1-1,0 1,0-1,-1-3,4-35,10-8,-11 56,0 0,0-1,0 1,0 0,-1 0,0 0,0 0,1 4,8 69,-3 2,-3-1,-4 1,-4 4,1 60,3-70,0-52</inkml:trace>
  <inkml:trace contextRef="#ctx0" brushRef="#br0" timeOffset="52400.97">609 7039,'2'105,"-1"-6,-4 22,-1-97,0-1,-1 1,-5 12,-6 27,11-37</inkml:trace>
  <inkml:trace contextRef="#ctx0" brushRef="#br0" timeOffset="57367.04">561 6870,'0'488,"7"-442,-7-44,1-1,-1 0,0 0,1 0,-1 0,0 0,1 0,-1 0,1 0,0 0,-1-1,1 1,0 0,-1 0,1 0,0-1,0 1,0 0,0-1,0 1,0-1,0 1,0-1,0 1,0-1,0 0,0 1,0-1,0 0,0 0,0 0,0 0,0 0,0 0,1 0,-1 0,0-1,0 1,0 0,0-1,1 1,0-2,0 1,0-1,0 0,-1 1,1-1,0 0,0 0,-1 0,0 0,1-1,-1 1,0 0,0-1,0 1,0 0,0-1,-1 1,1-1,-1 1,0-2,5-56,-4 54,5-88,10-38,-4 76,-9 47,0 0,0 0,-1 0,-1 0,0-1,0 1,-1-1,0 1,0 0,-1-1,0 1,-1 0,-1-2,3 9,-1 0,0 0,-1 0,1 0,0 0,0 0,-1 0,1 1,-1-1,0 0,0 1,1 0,-1-1,0 1,0 0,0 0,0 0,0 0,-1 0,1 0,0 1,0-1,-1 1,1 0,0-1,0 1,-1 0,1 0,0 0,-1 1,1-1,-1 1,0-1,0 1,0 0,1 0,-1 0,0 0,0 0,1 1,-1-1,1 1,-1 0,1 0,0-1,0 2,0-1,0 0,0 0,0 1,0-1,1 0,-1 1,1 0,0-1,0 1,0 0,0 0,-17 85,10-179,9-90,31 254,-23-51,-1 0,-1 0,-1 0,-1 1,-1 0,-2 0,0 0,-1 0,-1 0,-2 11,1 436,1-1186,1 711,-1 0,0 0,0 0,-1 1,1-1,-1 0,0 0,-1 1,1-1,-1 1,0-1,0 1,0 0,0-1,-1 1,0 0,0 1,0-1,0 0,0 1,-1 0,0 0,1 0,-1 0,0 0,-1 1,1 0,0 0,-1 0,1 0,-1 1,1-1,-1 1,0 1,0-1,1 1,-1-1,0 1,-1 1,-15-2</inkml:trace>
  <inkml:trace contextRef="#ctx0" brushRef="#br0" timeOffset="66792.42">591 6682,'0'3,"0"5,0 5,0 3,0 2,0 3,0 0,0 0,-4 0,0 1,0-5</inkml:trace>
  <inkml:trace contextRef="#ctx0" brushRef="#br0" timeOffset="71948.36">612 6579,'0'22,"0"-1,-1 1,-1 0,-1-1,-1 1,-2 4,0-97,9-73,-1 11,-7-36,-6 112,7 42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</inkml:traceFormat>
        <inkml:channelProperties>
          <inkml:channelProperty channel="X" name="resolution" value="1000" units="1/cm"/>
          <inkml:channelProperty channel="Y" name="resolution" value="1000" units="1/cm"/>
        </inkml:channelProperties>
      </inkml:inkSource>
      <inkml:timestamp xml:id="ts0" timeString="2020-01-17T12:55:46.568"/>
    </inkml:context>
    <inkml:brush xml:id="br0">
      <inkml:brushProperty name="width" value="0.05" units="cm"/>
      <inkml:brushProperty name="height" value="0.05" units="cm"/>
      <inkml:brushProperty name="color" value="#FFFFFF"/>
      <inkml:brushProperty name="ignorePressure" value="1"/>
    </inkml:brush>
  </inkml:definitions>
  <inkml:trace contextRef="#ctx0" brushRef="#br0">11 11,'-5'-4,"-1"-2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hf sldNum="0" hdr="0" ftr="0" dt="0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4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5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6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7.xml"/><Relationship Id="rId1" Type="http://schemas.openxmlformats.org/officeDocument/2006/relationships/notesMaster" Target="../notesMasters/notesMaster1.xml"/></Relationships>
</file>

<file path=ppt/notesSlides/_rels/notesSlide3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8.xml"/><Relationship Id="rId1" Type="http://schemas.openxmlformats.org/officeDocument/2006/relationships/notesMaster" Target="../notesMasters/notesMaster1.xml"/></Relationships>
</file>

<file path=ppt/notesSlides/_rels/notesSlide3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9.xml"/><Relationship Id="rId1" Type="http://schemas.openxmlformats.org/officeDocument/2006/relationships/notesMaster" Target="../notesMasters/notesMaster1.xml"/></Relationships>
</file>

<file path=ppt/notesSlides/_rels/notesSlide3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0.xml"/><Relationship Id="rId1" Type="http://schemas.openxmlformats.org/officeDocument/2006/relationships/notesMaster" Target="../notesMasters/notesMaster1.xml"/></Relationships>
</file>

<file path=ppt/notesSlides/_rels/notesSlide3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1.xml"/><Relationship Id="rId1" Type="http://schemas.openxmlformats.org/officeDocument/2006/relationships/notesMaster" Target="../notesMasters/notesMaster1.xml"/></Relationships>
</file>

<file path=ppt/notesSlides/_rels/notesSlide3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2.xml"/><Relationship Id="rId1" Type="http://schemas.openxmlformats.org/officeDocument/2006/relationships/notesMaster" Target="../notesMasters/notesMaster1.xml"/></Relationships>
</file>

<file path=ppt/notesSlides/_rels/notesSlide3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4.xml"/><Relationship Id="rId1" Type="http://schemas.openxmlformats.org/officeDocument/2006/relationships/notesMaster" Target="../notesMasters/notesMaster1.xml"/></Relationships>
</file>

<file path=ppt/notesSlides/_rels/notesSlide4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5.xml"/><Relationship Id="rId1" Type="http://schemas.openxmlformats.org/officeDocument/2006/relationships/notesMaster" Target="../notesMasters/notesMaster1.xml"/></Relationships>
</file>

<file path=ppt/notesSlides/_rels/notesSlide4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6.xml"/><Relationship Id="rId1" Type="http://schemas.openxmlformats.org/officeDocument/2006/relationships/notesMaster" Target="../notesMasters/notesMaster1.xml"/></Relationships>
</file>

<file path=ppt/notesSlides/_rels/notesSlide4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7.xml"/><Relationship Id="rId1" Type="http://schemas.openxmlformats.org/officeDocument/2006/relationships/notesMaster" Target="../notesMasters/notesMaster1.xml"/></Relationships>
</file>

<file path=ppt/notesSlides/_rels/notesSlide4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8.xml"/><Relationship Id="rId1" Type="http://schemas.openxmlformats.org/officeDocument/2006/relationships/notesMaster" Target="../notesMasters/notesMaster1.xml"/></Relationships>
</file>

<file path=ppt/notesSlides/_rels/notesSlide4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0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Image Placeholder 8"/>
          <p:cNvSpPr>
            <a:spLocks noGrp="1" noRot="1" noChangeAspect="1"/>
          </p:cNvSpPr>
          <p:nvPr>
            <p:ph type="sldImg"/>
          </p:nvPr>
        </p:nvSpPr>
        <p:spPr>
          <a:xfrm>
            <a:off x="269875" y="665163"/>
            <a:ext cx="6257925" cy="3519487"/>
          </a:xfrm>
        </p:spPr>
      </p:sp>
      <p:sp>
        <p:nvSpPr>
          <p:cNvPr id="10" name="Notes Placeholder 9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095166279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29843047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84334910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8120733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08309048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95658122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64860171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62295359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28871217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baseline="0" dirty="0"/>
          </a:p>
        </p:txBody>
      </p:sp>
    </p:spTree>
    <p:extLst>
      <p:ext uri="{BB962C8B-B14F-4D97-AF65-F5344CB8AC3E}">
        <p14:creationId xmlns:p14="http://schemas.microsoft.com/office/powerpoint/2010/main" val="580223046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9287189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sz="900" dirty="0"/>
          </a:p>
        </p:txBody>
      </p:sp>
    </p:spTree>
    <p:extLst>
      <p:ext uri="{BB962C8B-B14F-4D97-AF65-F5344CB8AC3E}">
        <p14:creationId xmlns:p14="http://schemas.microsoft.com/office/powerpoint/2010/main" val="234999113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47160244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95694637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11704357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0874175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1723908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30243988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618370988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9034593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322533716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536018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15962202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72651904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086393553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15588265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808570"/>
      </p:ext>
    </p:extLst>
  </p:cSld>
  <p:clrMapOvr>
    <a:masterClrMapping/>
  </p:clrMapOvr>
</p:notes>
</file>

<file path=ppt/notesSlides/notesSlide3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7758489"/>
      </p:ext>
    </p:extLst>
  </p:cSld>
  <p:clrMapOvr>
    <a:masterClrMapping/>
  </p:clrMapOvr>
</p:notes>
</file>

<file path=ppt/notesSlides/notesSlide3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37571112"/>
      </p:ext>
    </p:extLst>
  </p:cSld>
  <p:clrMapOvr>
    <a:masterClrMapping/>
  </p:clrMapOvr>
</p:notes>
</file>

<file path=ppt/notesSlides/notesSlide3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90408392"/>
      </p:ext>
    </p:extLst>
  </p:cSld>
  <p:clrMapOvr>
    <a:masterClrMapping/>
  </p:clrMapOvr>
</p:notes>
</file>

<file path=ppt/notesSlides/notesSlide3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80575728"/>
      </p:ext>
    </p:extLst>
  </p:cSld>
  <p:clrMapOvr>
    <a:masterClrMapping/>
  </p:clrMapOvr>
</p:notes>
</file>

<file path=ppt/notesSlides/notesSlide3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8750300"/>
      </p:ext>
    </p:extLst>
  </p:cSld>
  <p:clrMapOvr>
    <a:masterClrMapping/>
  </p:clrMapOvr>
</p:notes>
</file>

<file path=ppt/notesSlides/notesSlide3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baseline="0" dirty="0"/>
          </a:p>
        </p:txBody>
      </p:sp>
    </p:spTree>
    <p:extLst>
      <p:ext uri="{BB962C8B-B14F-4D97-AF65-F5344CB8AC3E}">
        <p14:creationId xmlns:p14="http://schemas.microsoft.com/office/powerpoint/2010/main" val="368915351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17637249"/>
      </p:ext>
    </p:extLst>
  </p:cSld>
  <p:clrMapOvr>
    <a:masterClrMapping/>
  </p:clrMapOvr>
</p:notes>
</file>

<file path=ppt/notesSlides/notesSlide4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baseline="0" dirty="0"/>
          </a:p>
        </p:txBody>
      </p:sp>
    </p:spTree>
    <p:extLst>
      <p:ext uri="{BB962C8B-B14F-4D97-AF65-F5344CB8AC3E}">
        <p14:creationId xmlns:p14="http://schemas.microsoft.com/office/powerpoint/2010/main" val="413069121"/>
      </p:ext>
    </p:extLst>
  </p:cSld>
  <p:clrMapOvr>
    <a:masterClrMapping/>
  </p:clrMapOvr>
</p:notes>
</file>

<file path=ppt/notesSlides/notesSlide4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840992956"/>
      </p:ext>
    </p:extLst>
  </p:cSld>
  <p:clrMapOvr>
    <a:masterClrMapping/>
  </p:clrMapOvr>
</p:notes>
</file>

<file path=ppt/notesSlides/notesSlide4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sz="900" dirty="0"/>
          </a:p>
        </p:txBody>
      </p:sp>
    </p:spTree>
    <p:extLst>
      <p:ext uri="{BB962C8B-B14F-4D97-AF65-F5344CB8AC3E}">
        <p14:creationId xmlns:p14="http://schemas.microsoft.com/office/powerpoint/2010/main" val="891483005"/>
      </p:ext>
    </p:extLst>
  </p:cSld>
  <p:clrMapOvr>
    <a:masterClrMapping/>
  </p:clrMapOvr>
</p:notes>
</file>

<file path=ppt/notesSlides/notesSlide4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17687760"/>
      </p:ext>
    </p:extLst>
  </p:cSld>
  <p:clrMapOvr>
    <a:masterClrMapping/>
  </p:clrMapOvr>
</p:notes>
</file>

<file path=ppt/notesSlides/notesSlide4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9124958"/>
      </p:ext>
    </p:extLst>
  </p:cSld>
  <p:clrMapOvr>
    <a:masterClrMapping/>
  </p:clrMapOvr>
</p:notes>
</file>

<file path=ppt/notesSlides/notesSlide4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50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3342903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sz="900" dirty="0"/>
          </a:p>
        </p:txBody>
      </p:sp>
    </p:spTree>
    <p:extLst>
      <p:ext uri="{BB962C8B-B14F-4D97-AF65-F5344CB8AC3E}">
        <p14:creationId xmlns:p14="http://schemas.microsoft.com/office/powerpoint/2010/main" val="172385611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26604227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66823925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28315926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31434582" name="SAP Logo Placeholder" descr="{&quot;templafy&quot;:{&quot;id&quot;:&quot;a07daa3b-d10a-4805-903b-dae5d29a670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37451236-BF8E-934B-B7DE-1ADB8A004F3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0" name="TextBox 9" descr="{&quot;templafy&quot;:{&quot;id&quot;:&quot;761de5f6-91ed-4dea-84f4-aba946f47a04&quot;}}">
            <a:extLst>
              <a:ext uri="{FF2B5EF4-FFF2-40B4-BE49-F238E27FC236}">
                <a16:creationId xmlns:a16="http://schemas.microsoft.com/office/drawing/2014/main" id="{798F9B08-2B9F-444B-8020-ACD960A0FAE7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pic>
        <p:nvPicPr>
          <p:cNvPr id="1050886458" name="Acquired Company Logo Placeholder" descr="{&quot;templafy&quot;:{&quot;id&quot;:&quot;9de91326-ecea-44dc-8bfd-19a5bf8e6804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90141"/>
            <a:ext cx="4125924" cy="2660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92621038" name="SAP Logo Placeholder" descr="{&quot;templafy&quot;:{&quot;id&quot;:&quot;07f1feba-b805-4cb8-98e0-c7e07260b12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38760224" name="Acquired Company Logo Placeholder" descr="{&quot;templafy&quot;:{&quot;id&quot;:&quot;12f79346-d6b7-45b9-993f-0c22d0cc69f3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96ffd27e-fe81-45ff-85da-fa545d2abddd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B62EF80-ED78-484B-AC34-B314C73F909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 dirty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1453821835" name="SAP Logo Placeholder" descr="{&quot;templafy&quot;:{&quot;id&quot;:&quot;c993166a-e261-470f-85b4-f1530296996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749754999" name="Acquired Company Logo Placeholder" descr="{&quot;templafy&quot;:{&quot;id&quot;:&quot;646b23c2-1c0b-46ee-930e-27fcefc8fb14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dirty="0"/>
              <a:t>Contact information: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© 2022-2023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1F4E9BA-55E8-4A01-A488-DC58EFCCD750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397" y="1663304"/>
            <a:ext cx="9146381" cy="1846659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93A9270-5434-4BF3-87E4-80A8FAFC848F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397" y="3602038"/>
            <a:ext cx="9146381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/>
              <a:t>Click to edit Master subtitle style</a:t>
            </a:r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A6FE0A5-6050-41EA-824A-1F96A3DCBCB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4AD8A37-12F5-4FAD-AE6E-F224201FDEC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D40306B-8F14-4ADA-A373-788B1AA3E9C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92F8A96-5537-4A1B-8484-DA5513991A06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0782245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 dirty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ae0a5ddd-0b93-4951-9991-32d21377f927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+mn-lt"/>
              </a:rPr>
              <a:t>© 2023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4718619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58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06748890" name="SAP Logo Placeholder" descr="{&quot;templafy&quot;:{&quot;id&quot;:&quot;bbe9328a-7788-434e-97ab-be1f3e2ce1c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pic>
        <p:nvPicPr>
          <p:cNvPr id="1002012138" name="Acquired Company Logo Placeholder" descr="{&quot;templafy&quot;:{&quot;id&quot;:&quot;f5aa3899-8178-474b-9565-6f759e545ce4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insert title image or illustration</a:t>
            </a:r>
          </a:p>
        </p:txBody>
      </p:sp>
      <p:sp>
        <p:nvSpPr>
          <p:cNvPr id="12" name="TextBox 11" descr="{&quot;templafy&quot;:{&quot;id&quot;:&quot;1c192a00-18e5-4a1b-8d1f-662fd41e2a17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a643ebbb-2824-4a7e-9a1e-ab84b707d0c6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92f851aa-8955-4576-a5df-a22206350539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ame, SAP</a:t>
            </a:r>
          </a:p>
        </p:txBody>
      </p:sp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75911533" name="SAP Logo Placeholder" descr="{&quot;templafy&quot;:{&quot;id&quot;:&quot;509e3834-352e-4cd4-a353-92fe5208cb4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12" name="Classification" descr="{&quot;templafy&quot;:{&quot;id&quot;:&quot;a6654a17-a51a-4010-9475-1cbba74d54c3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925834144" name="Acquired Company Logo Placeholder" descr="{&quot;templafy&quot;:{&quot;id&quot;:&quot;a0dd9a4b-813a-41f8-9c7f-4ba5092cece0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8" name="TextBox 7" descr="{&quot;templafy&quot;:{&quot;id&quot;:&quot;47f3a416-87f7-4d99-9df3-e9f0b8ad3571&quot;}}">
            <a:extLst>
              <a:ext uri="{FF2B5EF4-FFF2-40B4-BE49-F238E27FC236}">
                <a16:creationId xmlns:a16="http://schemas.microsoft.com/office/drawing/2014/main" id="{64C1028F-1E91-4F0C-94BA-BF68E9AED35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55d2c2d7-8fe8-4d10-8d5b-da6f30e51931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TextBox 13" descr="{&quot;templafy&quot;:{&quot;id&quot;:&quot;5bc84671-03c9-422b-85ea-5c82a6ace2c8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ame, SAP</a:t>
            </a:r>
          </a:p>
        </p:txBody>
      </p:sp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29547045" name="SAP Logo Placeholder" descr="{&quot;templafy&quot;:{&quot;id&quot;:&quot;0751cdf4-73d1-4f5c-bec0-e4a8160d84c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4CB2664F-AB46-2A47-9F24-F5710739600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 dirty="0"/>
          </a:p>
        </p:txBody>
      </p:sp>
      <p:sp>
        <p:nvSpPr>
          <p:cNvPr id="11" name="Classification" descr="{&quot;templafy&quot;:{&quot;id&quot;:&quot;2bc30e0e-bbbe-4ad1-aa88-1327b466bdf0&quot;}}">
            <a:extLst>
              <a:ext uri="{FF2B5EF4-FFF2-40B4-BE49-F238E27FC236}">
                <a16:creationId xmlns:a16="http://schemas.microsoft.com/office/drawing/2014/main" id="{579B2F34-6F4A-4590-92E9-60572485B8E0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3049452" name="Acquired Company Placeholder" descr="{&quot;templafy&quot;:{&quot;id&quot;:&quot;72b1f988-499c-4c33-98c5-9ec16708ba2c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8320" y="2015327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6d28d44c-7a2b-435f-b0e8-541d02241331&quot;}}">
            <a:extLst>
              <a:ext uri="{FF2B5EF4-FFF2-40B4-BE49-F238E27FC236}">
                <a16:creationId xmlns:a16="http://schemas.microsoft.com/office/drawing/2014/main" id="{E5062E1B-D4F0-4EAA-8E47-95C23306D85C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e1e8c0aa-8252-46db-8ba1-5e62c95020bc&quot;}}">
            <a:extLst>
              <a:ext uri="{FF2B5EF4-FFF2-40B4-BE49-F238E27FC236}">
                <a16:creationId xmlns:a16="http://schemas.microsoft.com/office/drawing/2014/main" id="{104400F3-30DA-42BD-9477-E89126EB131B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b3de883d-e1bb-43ce-ab26-660d368fe57c&quot;}}">
            <a:extLst>
              <a:ext uri="{FF2B5EF4-FFF2-40B4-BE49-F238E27FC236}">
                <a16:creationId xmlns:a16="http://schemas.microsoft.com/office/drawing/2014/main" id="{1DA16BA6-203F-4A94-9917-BFF1986FD4F6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ame, SAP</a:t>
            </a:r>
          </a:p>
        </p:txBody>
      </p:sp>
    </p:spTree>
    <p:extLst>
      <p:ext uri="{BB962C8B-B14F-4D97-AF65-F5344CB8AC3E}">
        <p14:creationId xmlns:p14="http://schemas.microsoft.com/office/powerpoint/2010/main" val="583915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59036720" name="SAP Logo Placeholer" descr="{&quot;templafy&quot;:{&quot;id&quot;:&quot;f527cf88-9a3f-43bb-bb8e-beda01864e1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977330126" name="Acquired Company Logo Placeholder" descr="{&quot;templafy&quot;:{&quot;id&quot;:&quot;4e925397-ad3e-4533-b574-d35dc32156a8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0da0c77c-ac45-4e0d-91ba-ccf9b50a0b5e&quot;}}">
            <a:extLst>
              <a:ext uri="{FF2B5EF4-FFF2-40B4-BE49-F238E27FC236}">
                <a16:creationId xmlns:a16="http://schemas.microsoft.com/office/drawing/2014/main" id="{98E5DEB1-9722-40B6-89CC-20C572BA33F7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30480462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pos="4196" userDrawn="1">
          <p15:clr>
            <a:srgbClr val="FBAE40"/>
          </p15:clr>
        </p15:guide>
        <p15:guide id="4" orient="horz" pos="2688" userDrawn="1">
          <p15:clr>
            <a:srgbClr val="FBAE40"/>
          </p15:clr>
        </p15:guide>
        <p15:guide id="5" orient="horz" pos="2335" userDrawn="1">
          <p15:clr>
            <a:srgbClr val="FBAE40"/>
          </p15:clr>
        </p15:guide>
        <p15:guide id="6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975021654" name="SAP Logo Placeholder" descr="{&quot;templafy&quot;:{&quot;id&quot;:&quot;e6707b1b-c5ae-4616-98b3-818d217141a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334864715" name="Acquired Company Placeholder" descr="{&quot;templafy&quot;:{&quot;id&quot;:&quot;eabc246f-e876-4554-8755-008498e5da38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1be2bece-fd88-475d-b843-45b33279d00a&quot;}}">
            <a:extLst>
              <a:ext uri="{FF2B5EF4-FFF2-40B4-BE49-F238E27FC236}">
                <a16:creationId xmlns:a16="http://schemas.microsoft.com/office/drawing/2014/main" id="{4AC0C605-F314-47FE-86E7-15011350854E}"/>
              </a:ext>
            </a:extLst>
          </p:cNvPr>
          <p:cNvSpPr txBox="1"/>
          <p:nvPr userDrawn="1"/>
        </p:nvSpPr>
        <p:spPr>
          <a:xfrm>
            <a:off x="503238" y="331742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ame</a:t>
            </a:r>
          </a:p>
        </p:txBody>
      </p:sp>
      <p:sp>
        <p:nvSpPr>
          <p:cNvPr id="10" name="TextBox 9" descr="{&quot;templafy&quot;:{&quot;id&quot;:&quot;392c50fa-7ef0-450c-a010-ab86838f9f5e&quot;}}">
            <a:extLst>
              <a:ext uri="{FF2B5EF4-FFF2-40B4-BE49-F238E27FC236}">
                <a16:creationId xmlns:a16="http://schemas.microsoft.com/office/drawing/2014/main" id="{8E5171B9-2B3B-4785-9AC4-6411974D5276}"/>
              </a:ext>
            </a:extLst>
          </p:cNvPr>
          <p:cNvSpPr txBox="1"/>
          <p:nvPr userDrawn="1"/>
        </p:nvSpPr>
        <p:spPr>
          <a:xfrm>
            <a:off x="503238" y="354057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31ECE2-ED38-FE42-BEBA-1433C352D30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dirty="0"/>
              <a:t>Contact information: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E5C152E-1B2C-2848-9A5B-C013FDF4DF2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1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0FCCAAF4-A87C-AC49-8F35-138E790C44C3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41828754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5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20.xml"/><Relationship Id="rId63" Type="http://schemas.openxmlformats.org/officeDocument/2006/relationships/tags" Target="../tags/tag41.xml"/><Relationship Id="rId84" Type="http://schemas.openxmlformats.org/officeDocument/2006/relationships/tags" Target="../tags/tag62.xml"/><Relationship Id="rId138" Type="http://schemas.openxmlformats.org/officeDocument/2006/relationships/tags" Target="../tags/tag116.xml"/><Relationship Id="rId107" Type="http://schemas.openxmlformats.org/officeDocument/2006/relationships/tags" Target="../tags/tag85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10.xml"/><Relationship Id="rId53" Type="http://schemas.openxmlformats.org/officeDocument/2006/relationships/tags" Target="../tags/tag31.xml"/><Relationship Id="rId74" Type="http://schemas.openxmlformats.org/officeDocument/2006/relationships/tags" Target="../tags/tag52.xml"/><Relationship Id="rId128" Type="http://schemas.openxmlformats.org/officeDocument/2006/relationships/tags" Target="../tags/tag106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68.xml"/><Relationship Id="rId95" Type="http://schemas.openxmlformats.org/officeDocument/2006/relationships/tags" Target="../tags/tag73.xml"/><Relationship Id="rId22" Type="http://schemas.openxmlformats.org/officeDocument/2006/relationships/slideLayout" Target="../slideLayouts/slideLayout22.xml"/><Relationship Id="rId27" Type="http://schemas.openxmlformats.org/officeDocument/2006/relationships/tags" Target="../tags/tag5.xml"/><Relationship Id="rId43" Type="http://schemas.openxmlformats.org/officeDocument/2006/relationships/tags" Target="../tags/tag21.xml"/><Relationship Id="rId48" Type="http://schemas.openxmlformats.org/officeDocument/2006/relationships/tags" Target="../tags/tag26.xml"/><Relationship Id="rId64" Type="http://schemas.openxmlformats.org/officeDocument/2006/relationships/tags" Target="../tags/tag42.xml"/><Relationship Id="rId69" Type="http://schemas.openxmlformats.org/officeDocument/2006/relationships/tags" Target="../tags/tag47.xml"/><Relationship Id="rId113" Type="http://schemas.openxmlformats.org/officeDocument/2006/relationships/tags" Target="../tags/tag91.xml"/><Relationship Id="rId118" Type="http://schemas.openxmlformats.org/officeDocument/2006/relationships/tags" Target="../tags/tag96.xml"/><Relationship Id="rId134" Type="http://schemas.openxmlformats.org/officeDocument/2006/relationships/tags" Target="../tags/tag112.xml"/><Relationship Id="rId139" Type="http://schemas.openxmlformats.org/officeDocument/2006/relationships/tags" Target="../tags/tag117.xml"/><Relationship Id="rId80" Type="http://schemas.openxmlformats.org/officeDocument/2006/relationships/tags" Target="../tags/tag58.xml"/><Relationship Id="rId85" Type="http://schemas.openxmlformats.org/officeDocument/2006/relationships/tags" Target="../tags/tag6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1.xml"/><Relationship Id="rId38" Type="http://schemas.openxmlformats.org/officeDocument/2006/relationships/tags" Target="../tags/tag16.xml"/><Relationship Id="rId59" Type="http://schemas.openxmlformats.org/officeDocument/2006/relationships/tags" Target="../tags/tag37.xml"/><Relationship Id="rId103" Type="http://schemas.openxmlformats.org/officeDocument/2006/relationships/tags" Target="../tags/tag81.xml"/><Relationship Id="rId108" Type="http://schemas.openxmlformats.org/officeDocument/2006/relationships/tags" Target="../tags/tag86.xml"/><Relationship Id="rId124" Type="http://schemas.openxmlformats.org/officeDocument/2006/relationships/tags" Target="../tags/tag102.xml"/><Relationship Id="rId129" Type="http://schemas.openxmlformats.org/officeDocument/2006/relationships/tags" Target="../tags/tag107.xml"/><Relationship Id="rId54" Type="http://schemas.openxmlformats.org/officeDocument/2006/relationships/tags" Target="../tags/tag32.xml"/><Relationship Id="rId70" Type="http://schemas.openxmlformats.org/officeDocument/2006/relationships/tags" Target="../tags/tag48.xml"/><Relationship Id="rId75" Type="http://schemas.openxmlformats.org/officeDocument/2006/relationships/tags" Target="../tags/tag53.xml"/><Relationship Id="rId91" Type="http://schemas.openxmlformats.org/officeDocument/2006/relationships/tags" Target="../tags/tag69.xml"/><Relationship Id="rId96" Type="http://schemas.openxmlformats.org/officeDocument/2006/relationships/tags" Target="../tags/tag74.xml"/><Relationship Id="rId140" Type="http://schemas.openxmlformats.org/officeDocument/2006/relationships/tags" Target="../tags/tag118.xml"/><Relationship Id="rId145" Type="http://schemas.openxmlformats.org/officeDocument/2006/relationships/tags" Target="../tags/tag123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theme" Target="../theme/theme1.xml"/><Relationship Id="rId28" Type="http://schemas.openxmlformats.org/officeDocument/2006/relationships/tags" Target="../tags/tag6.xml"/><Relationship Id="rId49" Type="http://schemas.openxmlformats.org/officeDocument/2006/relationships/tags" Target="../tags/tag27.xml"/><Relationship Id="rId114" Type="http://schemas.openxmlformats.org/officeDocument/2006/relationships/tags" Target="../tags/tag92.xml"/><Relationship Id="rId119" Type="http://schemas.openxmlformats.org/officeDocument/2006/relationships/tags" Target="../tags/tag97.xml"/><Relationship Id="rId44" Type="http://schemas.openxmlformats.org/officeDocument/2006/relationships/tags" Target="../tags/tag22.xml"/><Relationship Id="rId60" Type="http://schemas.openxmlformats.org/officeDocument/2006/relationships/tags" Target="../tags/tag38.xml"/><Relationship Id="rId65" Type="http://schemas.openxmlformats.org/officeDocument/2006/relationships/tags" Target="../tags/tag43.xml"/><Relationship Id="rId81" Type="http://schemas.openxmlformats.org/officeDocument/2006/relationships/tags" Target="../tags/tag59.xml"/><Relationship Id="rId86" Type="http://schemas.openxmlformats.org/officeDocument/2006/relationships/tags" Target="../tags/tag64.xml"/><Relationship Id="rId130" Type="http://schemas.openxmlformats.org/officeDocument/2006/relationships/tags" Target="../tags/tag108.xml"/><Relationship Id="rId135" Type="http://schemas.openxmlformats.org/officeDocument/2006/relationships/tags" Target="../tags/tag113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7.xml"/><Relationship Id="rId109" Type="http://schemas.openxmlformats.org/officeDocument/2006/relationships/tags" Target="../tags/tag87.xml"/><Relationship Id="rId34" Type="http://schemas.openxmlformats.org/officeDocument/2006/relationships/tags" Target="../tags/tag12.xml"/><Relationship Id="rId50" Type="http://schemas.openxmlformats.org/officeDocument/2006/relationships/tags" Target="../tags/tag28.xml"/><Relationship Id="rId55" Type="http://schemas.openxmlformats.org/officeDocument/2006/relationships/tags" Target="../tags/tag33.xml"/><Relationship Id="rId76" Type="http://schemas.openxmlformats.org/officeDocument/2006/relationships/tags" Target="../tags/tag54.xml"/><Relationship Id="rId97" Type="http://schemas.openxmlformats.org/officeDocument/2006/relationships/tags" Target="../tags/tag75.xml"/><Relationship Id="rId104" Type="http://schemas.openxmlformats.org/officeDocument/2006/relationships/tags" Target="../tags/tag82.xml"/><Relationship Id="rId120" Type="http://schemas.openxmlformats.org/officeDocument/2006/relationships/tags" Target="../tags/tag98.xml"/><Relationship Id="rId125" Type="http://schemas.openxmlformats.org/officeDocument/2006/relationships/tags" Target="../tags/tag103.xml"/><Relationship Id="rId141" Type="http://schemas.openxmlformats.org/officeDocument/2006/relationships/tags" Target="../tags/tag119.xml"/><Relationship Id="rId146" Type="http://schemas.openxmlformats.org/officeDocument/2006/relationships/tags" Target="../tags/tag124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9.xml"/><Relationship Id="rId92" Type="http://schemas.openxmlformats.org/officeDocument/2006/relationships/tags" Target="../tags/tag70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7.xml"/><Relationship Id="rId24" Type="http://schemas.openxmlformats.org/officeDocument/2006/relationships/tags" Target="../tags/tag2.xml"/><Relationship Id="rId40" Type="http://schemas.openxmlformats.org/officeDocument/2006/relationships/tags" Target="../tags/tag18.xml"/><Relationship Id="rId45" Type="http://schemas.openxmlformats.org/officeDocument/2006/relationships/tags" Target="../tags/tag23.xml"/><Relationship Id="rId66" Type="http://schemas.openxmlformats.org/officeDocument/2006/relationships/tags" Target="../tags/tag44.xml"/><Relationship Id="rId87" Type="http://schemas.openxmlformats.org/officeDocument/2006/relationships/tags" Target="../tags/tag65.xml"/><Relationship Id="rId110" Type="http://schemas.openxmlformats.org/officeDocument/2006/relationships/tags" Target="../tags/tag88.xml"/><Relationship Id="rId115" Type="http://schemas.openxmlformats.org/officeDocument/2006/relationships/tags" Target="../tags/tag93.xml"/><Relationship Id="rId131" Type="http://schemas.openxmlformats.org/officeDocument/2006/relationships/tags" Target="../tags/tag109.xml"/><Relationship Id="rId136" Type="http://schemas.openxmlformats.org/officeDocument/2006/relationships/tags" Target="../tags/tag114.xml"/><Relationship Id="rId61" Type="http://schemas.openxmlformats.org/officeDocument/2006/relationships/tags" Target="../tags/tag39.xml"/><Relationship Id="rId82" Type="http://schemas.openxmlformats.org/officeDocument/2006/relationships/tags" Target="../tags/tag60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8.xml"/><Relationship Id="rId35" Type="http://schemas.openxmlformats.org/officeDocument/2006/relationships/tags" Target="../tags/tag13.xml"/><Relationship Id="rId56" Type="http://schemas.openxmlformats.org/officeDocument/2006/relationships/tags" Target="../tags/tag34.xml"/><Relationship Id="rId77" Type="http://schemas.openxmlformats.org/officeDocument/2006/relationships/tags" Target="../tags/tag55.xml"/><Relationship Id="rId100" Type="http://schemas.openxmlformats.org/officeDocument/2006/relationships/tags" Target="../tags/tag78.xml"/><Relationship Id="rId105" Type="http://schemas.openxmlformats.org/officeDocument/2006/relationships/tags" Target="../tags/tag83.xml"/><Relationship Id="rId126" Type="http://schemas.openxmlformats.org/officeDocument/2006/relationships/tags" Target="../tags/tag104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9.xml"/><Relationship Id="rId72" Type="http://schemas.openxmlformats.org/officeDocument/2006/relationships/tags" Target="../tags/tag50.xml"/><Relationship Id="rId93" Type="http://schemas.openxmlformats.org/officeDocument/2006/relationships/tags" Target="../tags/tag71.xml"/><Relationship Id="rId98" Type="http://schemas.openxmlformats.org/officeDocument/2006/relationships/tags" Target="../tags/tag76.xml"/><Relationship Id="rId121" Type="http://schemas.openxmlformats.org/officeDocument/2006/relationships/tags" Target="../tags/tag99.xml"/><Relationship Id="rId142" Type="http://schemas.openxmlformats.org/officeDocument/2006/relationships/tags" Target="../tags/tag120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3.xml"/><Relationship Id="rId46" Type="http://schemas.openxmlformats.org/officeDocument/2006/relationships/tags" Target="../tags/tag24.xml"/><Relationship Id="rId67" Type="http://schemas.openxmlformats.org/officeDocument/2006/relationships/tags" Target="../tags/tag45.xml"/><Relationship Id="rId116" Type="http://schemas.openxmlformats.org/officeDocument/2006/relationships/tags" Target="../tags/tag94.xml"/><Relationship Id="rId137" Type="http://schemas.openxmlformats.org/officeDocument/2006/relationships/tags" Target="../tags/tag115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9.xml"/><Relationship Id="rId62" Type="http://schemas.openxmlformats.org/officeDocument/2006/relationships/tags" Target="../tags/tag40.xml"/><Relationship Id="rId83" Type="http://schemas.openxmlformats.org/officeDocument/2006/relationships/tags" Target="../tags/tag61.xml"/><Relationship Id="rId88" Type="http://schemas.openxmlformats.org/officeDocument/2006/relationships/tags" Target="../tags/tag66.xml"/><Relationship Id="rId111" Type="http://schemas.openxmlformats.org/officeDocument/2006/relationships/tags" Target="../tags/tag89.xml"/><Relationship Id="rId132" Type="http://schemas.openxmlformats.org/officeDocument/2006/relationships/tags" Target="../tags/tag110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4.xml"/><Relationship Id="rId57" Type="http://schemas.openxmlformats.org/officeDocument/2006/relationships/tags" Target="../tags/tag35.xml"/><Relationship Id="rId106" Type="http://schemas.openxmlformats.org/officeDocument/2006/relationships/tags" Target="../tags/tag84.xml"/><Relationship Id="rId127" Type="http://schemas.openxmlformats.org/officeDocument/2006/relationships/tags" Target="../tags/tag105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9.xml"/><Relationship Id="rId52" Type="http://schemas.openxmlformats.org/officeDocument/2006/relationships/tags" Target="../tags/tag30.xml"/><Relationship Id="rId73" Type="http://schemas.openxmlformats.org/officeDocument/2006/relationships/tags" Target="../tags/tag51.xml"/><Relationship Id="rId78" Type="http://schemas.openxmlformats.org/officeDocument/2006/relationships/tags" Target="../tags/tag56.xml"/><Relationship Id="rId94" Type="http://schemas.openxmlformats.org/officeDocument/2006/relationships/tags" Target="../tags/tag72.xml"/><Relationship Id="rId99" Type="http://schemas.openxmlformats.org/officeDocument/2006/relationships/tags" Target="../tags/tag77.xml"/><Relationship Id="rId101" Type="http://schemas.openxmlformats.org/officeDocument/2006/relationships/tags" Target="../tags/tag79.xml"/><Relationship Id="rId122" Type="http://schemas.openxmlformats.org/officeDocument/2006/relationships/tags" Target="../tags/tag100.xml"/><Relationship Id="rId143" Type="http://schemas.openxmlformats.org/officeDocument/2006/relationships/tags" Target="../tags/tag12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4.xml"/><Relationship Id="rId47" Type="http://schemas.openxmlformats.org/officeDocument/2006/relationships/tags" Target="../tags/tag25.xml"/><Relationship Id="rId68" Type="http://schemas.openxmlformats.org/officeDocument/2006/relationships/tags" Target="../tags/tag46.xml"/><Relationship Id="rId89" Type="http://schemas.openxmlformats.org/officeDocument/2006/relationships/tags" Target="../tags/tag67.xml"/><Relationship Id="rId112" Type="http://schemas.openxmlformats.org/officeDocument/2006/relationships/tags" Target="../tags/tag90.xml"/><Relationship Id="rId133" Type="http://schemas.openxmlformats.org/officeDocument/2006/relationships/tags" Target="../tags/tag111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15.xml"/><Relationship Id="rId58" Type="http://schemas.openxmlformats.org/officeDocument/2006/relationships/tags" Target="../tags/tag36.xml"/><Relationship Id="rId79" Type="http://schemas.openxmlformats.org/officeDocument/2006/relationships/tags" Target="../tags/tag57.xml"/><Relationship Id="rId102" Type="http://schemas.openxmlformats.org/officeDocument/2006/relationships/tags" Target="../tags/tag80.xml"/><Relationship Id="rId123" Type="http://schemas.openxmlformats.org/officeDocument/2006/relationships/tags" Target="../tags/tag101.xml"/><Relationship Id="rId144" Type="http://schemas.openxmlformats.org/officeDocument/2006/relationships/tags" Target="../tags/tag122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0.xml"/><Relationship Id="rId21" Type="http://schemas.openxmlformats.org/officeDocument/2006/relationships/theme" Target="../theme/theme2.xml"/><Relationship Id="rId42" Type="http://schemas.openxmlformats.org/officeDocument/2006/relationships/tags" Target="../tags/tag145.xml"/><Relationship Id="rId63" Type="http://schemas.openxmlformats.org/officeDocument/2006/relationships/tags" Target="../tags/tag166.xml"/><Relationship Id="rId84" Type="http://schemas.openxmlformats.org/officeDocument/2006/relationships/tags" Target="../tags/tag187.xml"/><Relationship Id="rId138" Type="http://schemas.openxmlformats.org/officeDocument/2006/relationships/tags" Target="../tags/tag241.xml"/><Relationship Id="rId107" Type="http://schemas.openxmlformats.org/officeDocument/2006/relationships/tags" Target="../tags/tag210.xml"/><Relationship Id="rId11" Type="http://schemas.openxmlformats.org/officeDocument/2006/relationships/slideLayout" Target="../slideLayouts/slideLayout33.xml"/><Relationship Id="rId32" Type="http://schemas.openxmlformats.org/officeDocument/2006/relationships/tags" Target="../tags/tag135.xml"/><Relationship Id="rId37" Type="http://schemas.openxmlformats.org/officeDocument/2006/relationships/tags" Target="../tags/tag140.xml"/><Relationship Id="rId53" Type="http://schemas.openxmlformats.org/officeDocument/2006/relationships/tags" Target="../tags/tag156.xml"/><Relationship Id="rId58" Type="http://schemas.openxmlformats.org/officeDocument/2006/relationships/tags" Target="../tags/tag161.xml"/><Relationship Id="rId74" Type="http://schemas.openxmlformats.org/officeDocument/2006/relationships/tags" Target="../tags/tag177.xml"/><Relationship Id="rId79" Type="http://schemas.openxmlformats.org/officeDocument/2006/relationships/tags" Target="../tags/tag182.xml"/><Relationship Id="rId102" Type="http://schemas.openxmlformats.org/officeDocument/2006/relationships/tags" Target="../tags/tag205.xml"/><Relationship Id="rId123" Type="http://schemas.openxmlformats.org/officeDocument/2006/relationships/tags" Target="../tags/tag226.xml"/><Relationship Id="rId128" Type="http://schemas.openxmlformats.org/officeDocument/2006/relationships/tags" Target="../tags/tag231.xml"/><Relationship Id="rId144" Type="http://schemas.openxmlformats.org/officeDocument/2006/relationships/tags" Target="../tags/tag247.xml"/><Relationship Id="rId5" Type="http://schemas.openxmlformats.org/officeDocument/2006/relationships/slideLayout" Target="../slideLayouts/slideLayout27.xml"/><Relationship Id="rId90" Type="http://schemas.openxmlformats.org/officeDocument/2006/relationships/tags" Target="../tags/tag193.xml"/><Relationship Id="rId95" Type="http://schemas.openxmlformats.org/officeDocument/2006/relationships/tags" Target="../tags/tag198.xml"/><Relationship Id="rId22" Type="http://schemas.openxmlformats.org/officeDocument/2006/relationships/tags" Target="../tags/tag125.xml"/><Relationship Id="rId27" Type="http://schemas.openxmlformats.org/officeDocument/2006/relationships/tags" Target="../tags/tag130.xml"/><Relationship Id="rId43" Type="http://schemas.openxmlformats.org/officeDocument/2006/relationships/tags" Target="../tags/tag146.xml"/><Relationship Id="rId48" Type="http://schemas.openxmlformats.org/officeDocument/2006/relationships/tags" Target="../tags/tag151.xml"/><Relationship Id="rId64" Type="http://schemas.openxmlformats.org/officeDocument/2006/relationships/tags" Target="../tags/tag167.xml"/><Relationship Id="rId69" Type="http://schemas.openxmlformats.org/officeDocument/2006/relationships/tags" Target="../tags/tag172.xml"/><Relationship Id="rId113" Type="http://schemas.openxmlformats.org/officeDocument/2006/relationships/tags" Target="../tags/tag216.xml"/><Relationship Id="rId118" Type="http://schemas.openxmlformats.org/officeDocument/2006/relationships/tags" Target="../tags/tag221.xml"/><Relationship Id="rId134" Type="http://schemas.openxmlformats.org/officeDocument/2006/relationships/tags" Target="../tags/tag237.xml"/><Relationship Id="rId139" Type="http://schemas.openxmlformats.org/officeDocument/2006/relationships/tags" Target="../tags/tag242.xml"/><Relationship Id="rId80" Type="http://schemas.openxmlformats.org/officeDocument/2006/relationships/tags" Target="../tags/tag183.xml"/><Relationship Id="rId85" Type="http://schemas.openxmlformats.org/officeDocument/2006/relationships/tags" Target="../tags/tag188.xml"/><Relationship Id="rId12" Type="http://schemas.openxmlformats.org/officeDocument/2006/relationships/slideLayout" Target="../slideLayouts/slideLayout34.xml"/><Relationship Id="rId17" Type="http://schemas.openxmlformats.org/officeDocument/2006/relationships/slideLayout" Target="../slideLayouts/slideLayout39.xml"/><Relationship Id="rId33" Type="http://schemas.openxmlformats.org/officeDocument/2006/relationships/tags" Target="../tags/tag136.xml"/><Relationship Id="rId38" Type="http://schemas.openxmlformats.org/officeDocument/2006/relationships/tags" Target="../tags/tag141.xml"/><Relationship Id="rId59" Type="http://schemas.openxmlformats.org/officeDocument/2006/relationships/tags" Target="../tags/tag162.xml"/><Relationship Id="rId103" Type="http://schemas.openxmlformats.org/officeDocument/2006/relationships/tags" Target="../tags/tag206.xml"/><Relationship Id="rId108" Type="http://schemas.openxmlformats.org/officeDocument/2006/relationships/tags" Target="../tags/tag211.xml"/><Relationship Id="rId124" Type="http://schemas.openxmlformats.org/officeDocument/2006/relationships/tags" Target="../tags/tag227.xml"/><Relationship Id="rId129" Type="http://schemas.openxmlformats.org/officeDocument/2006/relationships/tags" Target="../tags/tag232.xml"/><Relationship Id="rId54" Type="http://schemas.openxmlformats.org/officeDocument/2006/relationships/tags" Target="../tags/tag157.xml"/><Relationship Id="rId70" Type="http://schemas.openxmlformats.org/officeDocument/2006/relationships/tags" Target="../tags/tag173.xml"/><Relationship Id="rId75" Type="http://schemas.openxmlformats.org/officeDocument/2006/relationships/tags" Target="../tags/tag178.xml"/><Relationship Id="rId91" Type="http://schemas.openxmlformats.org/officeDocument/2006/relationships/tags" Target="../tags/tag194.xml"/><Relationship Id="rId96" Type="http://schemas.openxmlformats.org/officeDocument/2006/relationships/tags" Target="../tags/tag199.xml"/><Relationship Id="rId140" Type="http://schemas.openxmlformats.org/officeDocument/2006/relationships/tags" Target="../tags/tag243.xml"/><Relationship Id="rId1" Type="http://schemas.openxmlformats.org/officeDocument/2006/relationships/slideLayout" Target="../slideLayouts/slideLayout23.xml"/><Relationship Id="rId6" Type="http://schemas.openxmlformats.org/officeDocument/2006/relationships/slideLayout" Target="../slideLayouts/slideLayout28.xml"/><Relationship Id="rId23" Type="http://schemas.openxmlformats.org/officeDocument/2006/relationships/tags" Target="../tags/tag126.xml"/><Relationship Id="rId28" Type="http://schemas.openxmlformats.org/officeDocument/2006/relationships/tags" Target="../tags/tag131.xml"/><Relationship Id="rId49" Type="http://schemas.openxmlformats.org/officeDocument/2006/relationships/tags" Target="../tags/tag152.xml"/><Relationship Id="rId114" Type="http://schemas.openxmlformats.org/officeDocument/2006/relationships/tags" Target="../tags/tag217.xml"/><Relationship Id="rId119" Type="http://schemas.openxmlformats.org/officeDocument/2006/relationships/tags" Target="../tags/tag222.xml"/><Relationship Id="rId44" Type="http://schemas.openxmlformats.org/officeDocument/2006/relationships/tags" Target="../tags/tag147.xml"/><Relationship Id="rId60" Type="http://schemas.openxmlformats.org/officeDocument/2006/relationships/tags" Target="../tags/tag163.xml"/><Relationship Id="rId65" Type="http://schemas.openxmlformats.org/officeDocument/2006/relationships/tags" Target="../tags/tag168.xml"/><Relationship Id="rId81" Type="http://schemas.openxmlformats.org/officeDocument/2006/relationships/tags" Target="../tags/tag184.xml"/><Relationship Id="rId86" Type="http://schemas.openxmlformats.org/officeDocument/2006/relationships/tags" Target="../tags/tag189.xml"/><Relationship Id="rId130" Type="http://schemas.openxmlformats.org/officeDocument/2006/relationships/tags" Target="../tags/tag233.xml"/><Relationship Id="rId135" Type="http://schemas.openxmlformats.org/officeDocument/2006/relationships/tags" Target="../tags/tag238.xml"/><Relationship Id="rId13" Type="http://schemas.openxmlformats.org/officeDocument/2006/relationships/slideLayout" Target="../slideLayouts/slideLayout35.xml"/><Relationship Id="rId18" Type="http://schemas.openxmlformats.org/officeDocument/2006/relationships/slideLayout" Target="../slideLayouts/slideLayout40.xml"/><Relationship Id="rId39" Type="http://schemas.openxmlformats.org/officeDocument/2006/relationships/tags" Target="../tags/tag142.xml"/><Relationship Id="rId109" Type="http://schemas.openxmlformats.org/officeDocument/2006/relationships/tags" Target="../tags/tag212.xml"/><Relationship Id="rId34" Type="http://schemas.openxmlformats.org/officeDocument/2006/relationships/tags" Target="../tags/tag137.xml"/><Relationship Id="rId50" Type="http://schemas.openxmlformats.org/officeDocument/2006/relationships/tags" Target="../tags/tag153.xml"/><Relationship Id="rId55" Type="http://schemas.openxmlformats.org/officeDocument/2006/relationships/tags" Target="../tags/tag158.xml"/><Relationship Id="rId76" Type="http://schemas.openxmlformats.org/officeDocument/2006/relationships/tags" Target="../tags/tag179.xml"/><Relationship Id="rId97" Type="http://schemas.openxmlformats.org/officeDocument/2006/relationships/tags" Target="../tags/tag200.xml"/><Relationship Id="rId104" Type="http://schemas.openxmlformats.org/officeDocument/2006/relationships/tags" Target="../tags/tag207.xml"/><Relationship Id="rId120" Type="http://schemas.openxmlformats.org/officeDocument/2006/relationships/tags" Target="../tags/tag223.xml"/><Relationship Id="rId125" Type="http://schemas.openxmlformats.org/officeDocument/2006/relationships/tags" Target="../tags/tag228.xml"/><Relationship Id="rId141" Type="http://schemas.openxmlformats.org/officeDocument/2006/relationships/tags" Target="../tags/tag244.xml"/><Relationship Id="rId7" Type="http://schemas.openxmlformats.org/officeDocument/2006/relationships/slideLayout" Target="../slideLayouts/slideLayout29.xml"/><Relationship Id="rId71" Type="http://schemas.openxmlformats.org/officeDocument/2006/relationships/tags" Target="../tags/tag174.xml"/><Relationship Id="rId92" Type="http://schemas.openxmlformats.org/officeDocument/2006/relationships/tags" Target="../tags/tag195.xml"/><Relationship Id="rId2" Type="http://schemas.openxmlformats.org/officeDocument/2006/relationships/slideLayout" Target="../slideLayouts/slideLayout24.xml"/><Relationship Id="rId29" Type="http://schemas.openxmlformats.org/officeDocument/2006/relationships/tags" Target="../tags/tag132.xml"/><Relationship Id="rId24" Type="http://schemas.openxmlformats.org/officeDocument/2006/relationships/tags" Target="../tags/tag127.xml"/><Relationship Id="rId40" Type="http://schemas.openxmlformats.org/officeDocument/2006/relationships/tags" Target="../tags/tag143.xml"/><Relationship Id="rId45" Type="http://schemas.openxmlformats.org/officeDocument/2006/relationships/tags" Target="../tags/tag148.xml"/><Relationship Id="rId66" Type="http://schemas.openxmlformats.org/officeDocument/2006/relationships/tags" Target="../tags/tag169.xml"/><Relationship Id="rId87" Type="http://schemas.openxmlformats.org/officeDocument/2006/relationships/tags" Target="../tags/tag190.xml"/><Relationship Id="rId110" Type="http://schemas.openxmlformats.org/officeDocument/2006/relationships/tags" Target="../tags/tag213.xml"/><Relationship Id="rId115" Type="http://schemas.openxmlformats.org/officeDocument/2006/relationships/tags" Target="../tags/tag218.xml"/><Relationship Id="rId131" Type="http://schemas.openxmlformats.org/officeDocument/2006/relationships/tags" Target="../tags/tag234.xml"/><Relationship Id="rId136" Type="http://schemas.openxmlformats.org/officeDocument/2006/relationships/tags" Target="../tags/tag239.xml"/><Relationship Id="rId61" Type="http://schemas.openxmlformats.org/officeDocument/2006/relationships/tags" Target="../tags/tag164.xml"/><Relationship Id="rId82" Type="http://schemas.openxmlformats.org/officeDocument/2006/relationships/tags" Target="../tags/tag185.xml"/><Relationship Id="rId19" Type="http://schemas.openxmlformats.org/officeDocument/2006/relationships/slideLayout" Target="../slideLayouts/slideLayout41.xml"/><Relationship Id="rId14" Type="http://schemas.openxmlformats.org/officeDocument/2006/relationships/slideLayout" Target="../slideLayouts/slideLayout36.xml"/><Relationship Id="rId30" Type="http://schemas.openxmlformats.org/officeDocument/2006/relationships/tags" Target="../tags/tag133.xml"/><Relationship Id="rId35" Type="http://schemas.openxmlformats.org/officeDocument/2006/relationships/tags" Target="../tags/tag138.xml"/><Relationship Id="rId56" Type="http://schemas.openxmlformats.org/officeDocument/2006/relationships/tags" Target="../tags/tag159.xml"/><Relationship Id="rId77" Type="http://schemas.openxmlformats.org/officeDocument/2006/relationships/tags" Target="../tags/tag180.xml"/><Relationship Id="rId100" Type="http://schemas.openxmlformats.org/officeDocument/2006/relationships/tags" Target="../tags/tag203.xml"/><Relationship Id="rId105" Type="http://schemas.openxmlformats.org/officeDocument/2006/relationships/tags" Target="../tags/tag208.xml"/><Relationship Id="rId126" Type="http://schemas.openxmlformats.org/officeDocument/2006/relationships/tags" Target="../tags/tag229.xml"/><Relationship Id="rId8" Type="http://schemas.openxmlformats.org/officeDocument/2006/relationships/slideLayout" Target="../slideLayouts/slideLayout30.xml"/><Relationship Id="rId51" Type="http://schemas.openxmlformats.org/officeDocument/2006/relationships/tags" Target="../tags/tag154.xml"/><Relationship Id="rId72" Type="http://schemas.openxmlformats.org/officeDocument/2006/relationships/tags" Target="../tags/tag175.xml"/><Relationship Id="rId93" Type="http://schemas.openxmlformats.org/officeDocument/2006/relationships/tags" Target="../tags/tag196.xml"/><Relationship Id="rId98" Type="http://schemas.openxmlformats.org/officeDocument/2006/relationships/tags" Target="../tags/tag201.xml"/><Relationship Id="rId121" Type="http://schemas.openxmlformats.org/officeDocument/2006/relationships/tags" Target="../tags/tag224.xml"/><Relationship Id="rId142" Type="http://schemas.openxmlformats.org/officeDocument/2006/relationships/tags" Target="../tags/tag245.xml"/><Relationship Id="rId3" Type="http://schemas.openxmlformats.org/officeDocument/2006/relationships/slideLayout" Target="../slideLayouts/slideLayout25.xml"/><Relationship Id="rId25" Type="http://schemas.openxmlformats.org/officeDocument/2006/relationships/tags" Target="../tags/tag128.xml"/><Relationship Id="rId46" Type="http://schemas.openxmlformats.org/officeDocument/2006/relationships/tags" Target="../tags/tag149.xml"/><Relationship Id="rId67" Type="http://schemas.openxmlformats.org/officeDocument/2006/relationships/tags" Target="../tags/tag170.xml"/><Relationship Id="rId116" Type="http://schemas.openxmlformats.org/officeDocument/2006/relationships/tags" Target="../tags/tag219.xml"/><Relationship Id="rId137" Type="http://schemas.openxmlformats.org/officeDocument/2006/relationships/tags" Target="../tags/tag240.xml"/><Relationship Id="rId20" Type="http://schemas.openxmlformats.org/officeDocument/2006/relationships/slideLayout" Target="../slideLayouts/slideLayout42.xml"/><Relationship Id="rId41" Type="http://schemas.openxmlformats.org/officeDocument/2006/relationships/tags" Target="../tags/tag144.xml"/><Relationship Id="rId62" Type="http://schemas.openxmlformats.org/officeDocument/2006/relationships/tags" Target="../tags/tag165.xml"/><Relationship Id="rId83" Type="http://schemas.openxmlformats.org/officeDocument/2006/relationships/tags" Target="../tags/tag186.xml"/><Relationship Id="rId88" Type="http://schemas.openxmlformats.org/officeDocument/2006/relationships/tags" Target="../tags/tag191.xml"/><Relationship Id="rId111" Type="http://schemas.openxmlformats.org/officeDocument/2006/relationships/tags" Target="../tags/tag214.xml"/><Relationship Id="rId132" Type="http://schemas.openxmlformats.org/officeDocument/2006/relationships/tags" Target="../tags/tag235.xml"/><Relationship Id="rId15" Type="http://schemas.openxmlformats.org/officeDocument/2006/relationships/slideLayout" Target="../slideLayouts/slideLayout37.xml"/><Relationship Id="rId36" Type="http://schemas.openxmlformats.org/officeDocument/2006/relationships/tags" Target="../tags/tag139.xml"/><Relationship Id="rId57" Type="http://schemas.openxmlformats.org/officeDocument/2006/relationships/tags" Target="../tags/tag160.xml"/><Relationship Id="rId106" Type="http://schemas.openxmlformats.org/officeDocument/2006/relationships/tags" Target="../tags/tag209.xml"/><Relationship Id="rId127" Type="http://schemas.openxmlformats.org/officeDocument/2006/relationships/tags" Target="../tags/tag230.xml"/><Relationship Id="rId10" Type="http://schemas.openxmlformats.org/officeDocument/2006/relationships/slideLayout" Target="../slideLayouts/slideLayout32.xml"/><Relationship Id="rId31" Type="http://schemas.openxmlformats.org/officeDocument/2006/relationships/tags" Target="../tags/tag134.xml"/><Relationship Id="rId52" Type="http://schemas.openxmlformats.org/officeDocument/2006/relationships/tags" Target="../tags/tag155.xml"/><Relationship Id="rId73" Type="http://schemas.openxmlformats.org/officeDocument/2006/relationships/tags" Target="../tags/tag176.xml"/><Relationship Id="rId78" Type="http://schemas.openxmlformats.org/officeDocument/2006/relationships/tags" Target="../tags/tag181.xml"/><Relationship Id="rId94" Type="http://schemas.openxmlformats.org/officeDocument/2006/relationships/tags" Target="../tags/tag197.xml"/><Relationship Id="rId99" Type="http://schemas.openxmlformats.org/officeDocument/2006/relationships/tags" Target="../tags/tag202.xml"/><Relationship Id="rId101" Type="http://schemas.openxmlformats.org/officeDocument/2006/relationships/tags" Target="../tags/tag204.xml"/><Relationship Id="rId122" Type="http://schemas.openxmlformats.org/officeDocument/2006/relationships/tags" Target="../tags/tag225.xml"/><Relationship Id="rId143" Type="http://schemas.openxmlformats.org/officeDocument/2006/relationships/tags" Target="../tags/tag246.xml"/><Relationship Id="rId4" Type="http://schemas.openxmlformats.org/officeDocument/2006/relationships/slideLayout" Target="../slideLayouts/slideLayout26.xml"/><Relationship Id="rId9" Type="http://schemas.openxmlformats.org/officeDocument/2006/relationships/slideLayout" Target="../slideLayouts/slideLayout31.xml"/><Relationship Id="rId26" Type="http://schemas.openxmlformats.org/officeDocument/2006/relationships/tags" Target="../tags/tag129.xml"/><Relationship Id="rId47" Type="http://schemas.openxmlformats.org/officeDocument/2006/relationships/tags" Target="../tags/tag150.xml"/><Relationship Id="rId68" Type="http://schemas.openxmlformats.org/officeDocument/2006/relationships/tags" Target="../tags/tag171.xml"/><Relationship Id="rId89" Type="http://schemas.openxmlformats.org/officeDocument/2006/relationships/tags" Target="../tags/tag192.xml"/><Relationship Id="rId112" Type="http://schemas.openxmlformats.org/officeDocument/2006/relationships/tags" Target="../tags/tag215.xml"/><Relationship Id="rId133" Type="http://schemas.openxmlformats.org/officeDocument/2006/relationships/tags" Target="../tags/tag236.xml"/><Relationship Id="rId16" Type="http://schemas.openxmlformats.org/officeDocument/2006/relationships/slideLayout" Target="../slideLayouts/slideLayout38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43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4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5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12" name="Copyright Placeholder" descr="{&quot;templafy&quot;:{&quot;id&quot;:&quot;47f4819c-18fb-4798-bc58-a9d31f4aef1b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5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6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7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75" r:id="rId3"/>
    <p:sldLayoutId id="2147483741" r:id="rId4"/>
    <p:sldLayoutId id="2147483765" r:id="rId5"/>
    <p:sldLayoutId id="2147483767" r:id="rId6"/>
    <p:sldLayoutId id="2147483743" r:id="rId7"/>
    <p:sldLayoutId id="2147483774" r:id="rId8"/>
    <p:sldLayoutId id="2147483745" r:id="rId9"/>
    <p:sldLayoutId id="2147483760" r:id="rId10"/>
    <p:sldLayoutId id="2147483768" r:id="rId11"/>
    <p:sldLayoutId id="2147483769" r:id="rId12"/>
    <p:sldLayoutId id="2147483770" r:id="rId13"/>
    <p:sldLayoutId id="2147483744" r:id="rId14"/>
    <p:sldLayoutId id="2147483757" r:id="rId15"/>
    <p:sldLayoutId id="2147483771" r:id="rId16"/>
    <p:sldLayoutId id="2147483763" r:id="rId17"/>
    <p:sldLayoutId id="2147483751" r:id="rId18"/>
    <p:sldLayoutId id="2147483756" r:id="rId19"/>
    <p:sldLayoutId id="2147483740" r:id="rId20"/>
    <p:sldLayoutId id="2147483839" r:id="rId21"/>
    <p:sldLayoutId id="2147483840" r:id="rId22"/>
  </p:sldLayoutIdLst>
  <p:hf sldNum="0"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Copyright Placeholder" descr="{&quot;templafy&quot;:{&quot;id&quot;:&quot;1bd85927-6180-43b1-a069-ebc46f63e326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  <p:sldLayoutId id="2147483831" r:id="rId14"/>
    <p:sldLayoutId id="2147483832" r:id="rId15"/>
    <p:sldLayoutId id="2147483834" r:id="rId16"/>
    <p:sldLayoutId id="2147483835" r:id="rId17"/>
    <p:sldLayoutId id="2147483836" r:id="rId18"/>
    <p:sldLayoutId id="2147483837" r:id="rId19"/>
    <p:sldLayoutId id="2147483838" r:id="rId20"/>
  </p:sldLayoutIdLst>
  <p:hf sldNum="0"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8" name="Text Placeholder 9" descr="{&quot;templafy&quot;:{&quot;id&quot;:&quot;90feba40-468b-4d8c-8691-d723a0b833c5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sldNum="0"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2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8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3" Type="http://schemas.openxmlformats.org/officeDocument/2006/relationships/image" Target="../media/image15.png"/><Relationship Id="rId7" Type="http://schemas.openxmlformats.org/officeDocument/2006/relationships/image" Target="../media/image19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image" Target="../media/image16.png"/><Relationship Id="rId9" Type="http://schemas.openxmlformats.org/officeDocument/2006/relationships/image" Target="../media/image21.png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slide" Target="slide16.xml"/><Relationship Id="rId13" Type="http://schemas.openxmlformats.org/officeDocument/2006/relationships/slide" Target="slide26.xml"/><Relationship Id="rId18" Type="http://schemas.openxmlformats.org/officeDocument/2006/relationships/slide" Target="slide35.xml"/><Relationship Id="rId3" Type="http://schemas.openxmlformats.org/officeDocument/2006/relationships/slide" Target="slide21.xml"/><Relationship Id="rId7" Type="http://schemas.openxmlformats.org/officeDocument/2006/relationships/slide" Target="slide15.xml"/><Relationship Id="rId12" Type="http://schemas.openxmlformats.org/officeDocument/2006/relationships/slide" Target="slide24.xml"/><Relationship Id="rId17" Type="http://schemas.openxmlformats.org/officeDocument/2006/relationships/slide" Target="slide33.xml"/><Relationship Id="rId2" Type="http://schemas.openxmlformats.org/officeDocument/2006/relationships/notesSlide" Target="../notesSlides/notesSlide10.xml"/><Relationship Id="rId16" Type="http://schemas.openxmlformats.org/officeDocument/2006/relationships/slide" Target="slide31.xml"/><Relationship Id="rId1" Type="http://schemas.openxmlformats.org/officeDocument/2006/relationships/slideLayout" Target="../slideLayouts/slideLayout7.xml"/><Relationship Id="rId6" Type="http://schemas.openxmlformats.org/officeDocument/2006/relationships/slide" Target="slide14.xml"/><Relationship Id="rId11" Type="http://schemas.openxmlformats.org/officeDocument/2006/relationships/slide" Target="slide19.xml"/><Relationship Id="rId5" Type="http://schemas.openxmlformats.org/officeDocument/2006/relationships/slide" Target="slide42.xml"/><Relationship Id="rId15" Type="http://schemas.openxmlformats.org/officeDocument/2006/relationships/slide" Target="slide29.xml"/><Relationship Id="rId10" Type="http://schemas.openxmlformats.org/officeDocument/2006/relationships/slide" Target="slide18.xml"/><Relationship Id="rId19" Type="http://schemas.openxmlformats.org/officeDocument/2006/relationships/slide" Target="slide37.xml"/><Relationship Id="rId4" Type="http://schemas.openxmlformats.org/officeDocument/2006/relationships/slide" Target="slide43.xml"/><Relationship Id="rId9" Type="http://schemas.openxmlformats.org/officeDocument/2006/relationships/slide" Target="slide17.xml"/><Relationship Id="rId14" Type="http://schemas.openxmlformats.org/officeDocument/2006/relationships/slide" Target="slide28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7.png"/><Relationship Id="rId3" Type="http://schemas.openxmlformats.org/officeDocument/2006/relationships/image" Target="../media/image22.png"/><Relationship Id="rId7" Type="http://schemas.openxmlformats.org/officeDocument/2006/relationships/image" Target="../media/image26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25.png"/><Relationship Id="rId11" Type="http://schemas.openxmlformats.org/officeDocument/2006/relationships/image" Target="../media/image29.png"/><Relationship Id="rId5" Type="http://schemas.openxmlformats.org/officeDocument/2006/relationships/image" Target="../media/image24.png"/><Relationship Id="rId10" Type="http://schemas.openxmlformats.org/officeDocument/2006/relationships/image" Target="../media/image28.png"/><Relationship Id="rId4" Type="http://schemas.openxmlformats.org/officeDocument/2006/relationships/image" Target="../media/image23.png"/><Relationship Id="rId9" Type="http://schemas.openxmlformats.org/officeDocument/2006/relationships/image" Target="../media/image14.png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35.png"/><Relationship Id="rId3" Type="http://schemas.openxmlformats.org/officeDocument/2006/relationships/image" Target="../media/image30.png"/><Relationship Id="rId7" Type="http://schemas.openxmlformats.org/officeDocument/2006/relationships/image" Target="../media/image34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33.png"/><Relationship Id="rId5" Type="http://schemas.openxmlformats.org/officeDocument/2006/relationships/image" Target="../media/image32.png"/><Relationship Id="rId4" Type="http://schemas.openxmlformats.org/officeDocument/2006/relationships/image" Target="../media/image31.png"/><Relationship Id="rId9" Type="http://schemas.openxmlformats.org/officeDocument/2006/relationships/image" Target="../media/image36.png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42.png"/><Relationship Id="rId13" Type="http://schemas.openxmlformats.org/officeDocument/2006/relationships/image" Target="../media/image46.png"/><Relationship Id="rId3" Type="http://schemas.openxmlformats.org/officeDocument/2006/relationships/image" Target="../media/image37.png"/><Relationship Id="rId7" Type="http://schemas.openxmlformats.org/officeDocument/2006/relationships/image" Target="../media/image41.png"/><Relationship Id="rId12" Type="http://schemas.openxmlformats.org/officeDocument/2006/relationships/image" Target="../media/image21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40.png"/><Relationship Id="rId11" Type="http://schemas.openxmlformats.org/officeDocument/2006/relationships/image" Target="../media/image45.png"/><Relationship Id="rId5" Type="http://schemas.openxmlformats.org/officeDocument/2006/relationships/image" Target="../media/image39.png"/><Relationship Id="rId10" Type="http://schemas.openxmlformats.org/officeDocument/2006/relationships/image" Target="../media/image44.png"/><Relationship Id="rId4" Type="http://schemas.openxmlformats.org/officeDocument/2006/relationships/image" Target="../media/image38.png"/><Relationship Id="rId9" Type="http://schemas.openxmlformats.org/officeDocument/2006/relationships/image" Target="../media/image43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49.png"/><Relationship Id="rId4" Type="http://schemas.openxmlformats.org/officeDocument/2006/relationships/image" Target="../media/image48.png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image" Target="../media/image54.png"/><Relationship Id="rId3" Type="http://schemas.openxmlformats.org/officeDocument/2006/relationships/image" Target="../media/image50.png"/><Relationship Id="rId7" Type="http://schemas.openxmlformats.org/officeDocument/2006/relationships/image" Target="../media/image44.pn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53.png"/><Relationship Id="rId5" Type="http://schemas.openxmlformats.org/officeDocument/2006/relationships/image" Target="../media/image52.png"/><Relationship Id="rId4" Type="http://schemas.openxmlformats.org/officeDocument/2006/relationships/image" Target="../media/image51.png"/><Relationship Id="rId9" Type="http://schemas.openxmlformats.org/officeDocument/2006/relationships/image" Target="../media/image55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6.png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13.png"/><Relationship Id="rId5" Type="http://schemas.openxmlformats.org/officeDocument/2006/relationships/image" Target="../media/image42.png"/><Relationship Id="rId4" Type="http://schemas.openxmlformats.org/officeDocument/2006/relationships/image" Target="../media/image57.png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slide" Target="slide9.xml"/><Relationship Id="rId13" Type="http://schemas.openxmlformats.org/officeDocument/2006/relationships/slide" Target="slide21.xml"/><Relationship Id="rId3" Type="http://schemas.openxmlformats.org/officeDocument/2006/relationships/slide" Target="slide3.xml"/><Relationship Id="rId7" Type="http://schemas.openxmlformats.org/officeDocument/2006/relationships/slide" Target="slide8.xml"/><Relationship Id="rId12" Type="http://schemas.openxmlformats.org/officeDocument/2006/relationships/slide" Target="slide14.xml"/><Relationship Id="rId17" Type="http://schemas.openxmlformats.org/officeDocument/2006/relationships/slide" Target="slide46.xml"/><Relationship Id="rId2" Type="http://schemas.openxmlformats.org/officeDocument/2006/relationships/notesSlide" Target="../notesSlides/notesSlide1.xml"/><Relationship Id="rId16" Type="http://schemas.openxmlformats.org/officeDocument/2006/relationships/slide" Target="slide45.xml"/><Relationship Id="rId1" Type="http://schemas.openxmlformats.org/officeDocument/2006/relationships/slideLayout" Target="../slideLayouts/slideLayout4.xml"/><Relationship Id="rId6" Type="http://schemas.openxmlformats.org/officeDocument/2006/relationships/slide" Target="slide7.xml"/><Relationship Id="rId11" Type="http://schemas.openxmlformats.org/officeDocument/2006/relationships/slide" Target="slide13.xml"/><Relationship Id="rId5" Type="http://schemas.openxmlformats.org/officeDocument/2006/relationships/slide" Target="slide5.xml"/><Relationship Id="rId15" Type="http://schemas.openxmlformats.org/officeDocument/2006/relationships/slide" Target="slide44.xml"/><Relationship Id="rId10" Type="http://schemas.openxmlformats.org/officeDocument/2006/relationships/slide" Target="slide11.xml"/><Relationship Id="rId4" Type="http://schemas.openxmlformats.org/officeDocument/2006/relationships/slide" Target="slide4.xml"/><Relationship Id="rId9" Type="http://schemas.openxmlformats.org/officeDocument/2006/relationships/slide" Target="slide10.xml"/><Relationship Id="rId14" Type="http://schemas.openxmlformats.org/officeDocument/2006/relationships/slide" Target="slide4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9.png"/><Relationship Id="rId2" Type="http://schemas.openxmlformats.org/officeDocument/2006/relationships/image" Target="../media/image58.png"/><Relationship Id="rId1" Type="http://schemas.openxmlformats.org/officeDocument/2006/relationships/slideLayout" Target="../slideLayouts/slideLayout7.xml"/><Relationship Id="rId5" Type="http://schemas.openxmlformats.org/officeDocument/2006/relationships/image" Target="../media/image61.png"/><Relationship Id="rId4" Type="http://schemas.openxmlformats.org/officeDocument/2006/relationships/image" Target="../media/image60.png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8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8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9.xml"/><Relationship Id="rId1" Type="http://schemas.openxmlformats.org/officeDocument/2006/relationships/slideLayout" Target="../slideLayouts/slideLayout8.xml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.png"/><Relationship Id="rId3" Type="http://schemas.openxmlformats.org/officeDocument/2006/relationships/image" Target="../media/image62.png"/><Relationship Id="rId7" Type="http://schemas.openxmlformats.org/officeDocument/2006/relationships/image" Target="../media/image66.png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65.png"/><Relationship Id="rId5" Type="http://schemas.openxmlformats.org/officeDocument/2006/relationships/image" Target="../media/image64.png"/><Relationship Id="rId4" Type="http://schemas.openxmlformats.org/officeDocument/2006/relationships/image" Target="../media/image63.png"/><Relationship Id="rId9" Type="http://schemas.openxmlformats.org/officeDocument/2006/relationships/image" Target="../media/image59.png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1.xml"/><Relationship Id="rId1" Type="http://schemas.openxmlformats.org/officeDocument/2006/relationships/slideLayout" Target="../slideLayouts/slideLayout8.xml"/></Relationships>
</file>

<file path=ppt/slides/_rels/slide26.xml.rels><?xml version="1.0" encoding="UTF-8" standalone="yes"?>
<Relationships xmlns="http://schemas.openxmlformats.org/package/2006/relationships"><Relationship Id="rId8" Type="http://schemas.openxmlformats.org/officeDocument/2006/relationships/image" Target="../media/image71.png"/><Relationship Id="rId3" Type="http://schemas.openxmlformats.org/officeDocument/2006/relationships/image" Target="../media/image67.png"/><Relationship Id="rId7" Type="http://schemas.openxmlformats.org/officeDocument/2006/relationships/image" Target="../media/image70.png"/><Relationship Id="rId2" Type="http://schemas.openxmlformats.org/officeDocument/2006/relationships/notesSlide" Target="../notesSlides/notesSlide22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65.png"/><Relationship Id="rId5" Type="http://schemas.openxmlformats.org/officeDocument/2006/relationships/image" Target="../media/image69.png"/><Relationship Id="rId4" Type="http://schemas.openxmlformats.org/officeDocument/2006/relationships/image" Target="../media/image68.png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3.xml"/><Relationship Id="rId1" Type="http://schemas.openxmlformats.org/officeDocument/2006/relationships/slideLayout" Target="../slideLayouts/slideLayout8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8.xml"/></Relationships>
</file>

<file path=ppt/slides/_rels/slide29.xml.rels><?xml version="1.0" encoding="UTF-8" standalone="yes"?>
<Relationships xmlns="http://schemas.openxmlformats.org/package/2006/relationships"><Relationship Id="rId8" Type="http://schemas.openxmlformats.org/officeDocument/2006/relationships/image" Target="../media/image77.png"/><Relationship Id="rId13" Type="http://schemas.openxmlformats.org/officeDocument/2006/relationships/image" Target="../media/image78.png"/><Relationship Id="rId3" Type="http://schemas.openxmlformats.org/officeDocument/2006/relationships/image" Target="../media/image72.png"/><Relationship Id="rId7" Type="http://schemas.openxmlformats.org/officeDocument/2006/relationships/image" Target="../media/image76.png"/><Relationship Id="rId12" Type="http://schemas.openxmlformats.org/officeDocument/2006/relationships/image" Target="../media/image36.png"/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75.png"/><Relationship Id="rId11" Type="http://schemas.openxmlformats.org/officeDocument/2006/relationships/image" Target="../media/image61.png"/><Relationship Id="rId5" Type="http://schemas.openxmlformats.org/officeDocument/2006/relationships/image" Target="../media/image74.png"/><Relationship Id="rId10" Type="http://schemas.openxmlformats.org/officeDocument/2006/relationships/image" Target="../media/image28.png"/><Relationship Id="rId4" Type="http://schemas.openxmlformats.org/officeDocument/2006/relationships/image" Target="../media/image73.png"/><Relationship Id="rId9" Type="http://schemas.openxmlformats.org/officeDocument/2006/relationships/image" Target="../media/image14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5.xml"/></Relationships>
</file>

<file path=ppt/slides/_rels/slide30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8.xml"/></Relationships>
</file>

<file path=ppt/slides/_rels/slide3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2.png"/><Relationship Id="rId13" Type="http://schemas.openxmlformats.org/officeDocument/2006/relationships/image" Target="../media/image85.png"/><Relationship Id="rId3" Type="http://schemas.openxmlformats.org/officeDocument/2006/relationships/image" Target="../media/image72.png"/><Relationship Id="rId7" Type="http://schemas.openxmlformats.org/officeDocument/2006/relationships/image" Target="../media/image81.png"/><Relationship Id="rId12" Type="http://schemas.openxmlformats.org/officeDocument/2006/relationships/image" Target="../media/image84.png"/><Relationship Id="rId2" Type="http://schemas.openxmlformats.org/officeDocument/2006/relationships/notesSlide" Target="../notesSlides/notesSlide27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80.png"/><Relationship Id="rId11" Type="http://schemas.openxmlformats.org/officeDocument/2006/relationships/image" Target="../media/image28.png"/><Relationship Id="rId5" Type="http://schemas.openxmlformats.org/officeDocument/2006/relationships/image" Target="../media/image79.png"/><Relationship Id="rId10" Type="http://schemas.openxmlformats.org/officeDocument/2006/relationships/image" Target="../media/image83.png"/><Relationship Id="rId4" Type="http://schemas.openxmlformats.org/officeDocument/2006/relationships/image" Target="../media/image73.png"/><Relationship Id="rId9" Type="http://schemas.openxmlformats.org/officeDocument/2006/relationships/image" Target="../media/image82.png"/><Relationship Id="rId14" Type="http://schemas.openxmlformats.org/officeDocument/2006/relationships/image" Target="../media/image86.png"/></Relationships>
</file>

<file path=ppt/slides/_rels/slide3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8.xml"/><Relationship Id="rId1" Type="http://schemas.openxmlformats.org/officeDocument/2006/relationships/slideLayout" Target="../slideLayouts/slideLayout8.xml"/></Relationships>
</file>

<file path=ppt/slides/_rels/slide33.xml.rels><?xml version="1.0" encoding="UTF-8" standalone="yes"?>
<Relationships xmlns="http://schemas.openxmlformats.org/package/2006/relationships"><Relationship Id="rId8" Type="http://schemas.openxmlformats.org/officeDocument/2006/relationships/image" Target="../media/image90.png"/><Relationship Id="rId13" Type="http://schemas.openxmlformats.org/officeDocument/2006/relationships/image" Target="../media/image92.png"/><Relationship Id="rId3" Type="http://schemas.openxmlformats.org/officeDocument/2006/relationships/image" Target="../media/image72.png"/><Relationship Id="rId7" Type="http://schemas.openxmlformats.org/officeDocument/2006/relationships/image" Target="../media/image89.png"/><Relationship Id="rId12" Type="http://schemas.openxmlformats.org/officeDocument/2006/relationships/image" Target="../media/image36.png"/><Relationship Id="rId2" Type="http://schemas.openxmlformats.org/officeDocument/2006/relationships/notesSlide" Target="../notesSlides/notesSlide29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88.png"/><Relationship Id="rId11" Type="http://schemas.openxmlformats.org/officeDocument/2006/relationships/image" Target="../media/image91.png"/><Relationship Id="rId5" Type="http://schemas.openxmlformats.org/officeDocument/2006/relationships/image" Target="../media/image87.png"/><Relationship Id="rId10" Type="http://schemas.openxmlformats.org/officeDocument/2006/relationships/image" Target="../media/image60.png"/><Relationship Id="rId4" Type="http://schemas.openxmlformats.org/officeDocument/2006/relationships/image" Target="../media/image73.png"/><Relationship Id="rId9" Type="http://schemas.openxmlformats.org/officeDocument/2006/relationships/image" Target="../media/image21.png"/><Relationship Id="rId14" Type="http://schemas.openxmlformats.org/officeDocument/2006/relationships/image" Target="../media/image16.png"/></Relationships>
</file>

<file path=ppt/slides/_rels/slide3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0.xml"/><Relationship Id="rId1" Type="http://schemas.openxmlformats.org/officeDocument/2006/relationships/slideLayout" Target="../slideLayouts/slideLayout8.xml"/></Relationships>
</file>

<file path=ppt/slides/_rels/slide35.xml.rels><?xml version="1.0" encoding="UTF-8" standalone="yes"?>
<Relationships xmlns="http://schemas.openxmlformats.org/package/2006/relationships"><Relationship Id="rId8" Type="http://schemas.openxmlformats.org/officeDocument/2006/relationships/image" Target="../media/image96.png"/><Relationship Id="rId13" Type="http://schemas.openxmlformats.org/officeDocument/2006/relationships/image" Target="../media/image85.png"/><Relationship Id="rId3" Type="http://schemas.openxmlformats.org/officeDocument/2006/relationships/image" Target="../media/image72.png"/><Relationship Id="rId7" Type="http://schemas.openxmlformats.org/officeDocument/2006/relationships/image" Target="../media/image95.png"/><Relationship Id="rId12" Type="http://schemas.openxmlformats.org/officeDocument/2006/relationships/image" Target="../media/image91.png"/><Relationship Id="rId2" Type="http://schemas.openxmlformats.org/officeDocument/2006/relationships/notesSlide" Target="../notesSlides/notesSlide31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94.png"/><Relationship Id="rId11" Type="http://schemas.openxmlformats.org/officeDocument/2006/relationships/image" Target="../media/image18.png"/><Relationship Id="rId5" Type="http://schemas.openxmlformats.org/officeDocument/2006/relationships/image" Target="../media/image93.png"/><Relationship Id="rId10" Type="http://schemas.openxmlformats.org/officeDocument/2006/relationships/image" Target="../media/image97.png"/><Relationship Id="rId4" Type="http://schemas.openxmlformats.org/officeDocument/2006/relationships/image" Target="../media/image73.png"/><Relationship Id="rId9" Type="http://schemas.openxmlformats.org/officeDocument/2006/relationships/image" Target="../media/image21.png"/><Relationship Id="rId14" Type="http://schemas.openxmlformats.org/officeDocument/2006/relationships/image" Target="../media/image78.png"/></Relationships>
</file>

<file path=ppt/slides/_rels/slide3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2.xml"/><Relationship Id="rId1" Type="http://schemas.openxmlformats.org/officeDocument/2006/relationships/slideLayout" Target="../slideLayouts/slideLayout8.xml"/></Relationships>
</file>

<file path=ppt/slides/_rels/slide3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3.png"/><Relationship Id="rId3" Type="http://schemas.openxmlformats.org/officeDocument/2006/relationships/image" Target="../media/image98.png"/><Relationship Id="rId7" Type="http://schemas.openxmlformats.org/officeDocument/2006/relationships/image" Target="../media/image102.png"/><Relationship Id="rId12" Type="http://schemas.openxmlformats.org/officeDocument/2006/relationships/image" Target="../media/image84.png"/><Relationship Id="rId2" Type="http://schemas.openxmlformats.org/officeDocument/2006/relationships/notesSlide" Target="../notesSlides/notesSlide33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101.png"/><Relationship Id="rId11" Type="http://schemas.openxmlformats.org/officeDocument/2006/relationships/image" Target="../media/image104.png"/><Relationship Id="rId5" Type="http://schemas.openxmlformats.org/officeDocument/2006/relationships/image" Target="../media/image100.png"/><Relationship Id="rId10" Type="http://schemas.openxmlformats.org/officeDocument/2006/relationships/image" Target="../media/image28.png"/><Relationship Id="rId4" Type="http://schemas.openxmlformats.org/officeDocument/2006/relationships/image" Target="../media/image99.png"/><Relationship Id="rId9" Type="http://schemas.openxmlformats.org/officeDocument/2006/relationships/image" Target="../media/image83.png"/></Relationships>
</file>

<file path=ppt/slides/_rels/slide3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40.png"/><Relationship Id="rId13" Type="http://schemas.openxmlformats.org/officeDocument/2006/relationships/image" Target="../media/image106.png"/><Relationship Id="rId3" Type="http://schemas.openxmlformats.org/officeDocument/2006/relationships/customXml" Target="../ink/ink1.xml"/><Relationship Id="rId7" Type="http://schemas.openxmlformats.org/officeDocument/2006/relationships/customXml" Target="../ink/ink3.xml"/><Relationship Id="rId12" Type="http://schemas.openxmlformats.org/officeDocument/2006/relationships/image" Target="../media/image71.png"/><Relationship Id="rId2" Type="http://schemas.openxmlformats.org/officeDocument/2006/relationships/notesSlide" Target="../notesSlides/notesSlide34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1030.png"/><Relationship Id="rId11" Type="http://schemas.openxmlformats.org/officeDocument/2006/relationships/image" Target="../media/image105.png"/><Relationship Id="rId5" Type="http://schemas.openxmlformats.org/officeDocument/2006/relationships/customXml" Target="../ink/ink2.xml"/><Relationship Id="rId10" Type="http://schemas.openxmlformats.org/officeDocument/2006/relationships/image" Target="../media/image1050.png"/><Relationship Id="rId4" Type="http://schemas.openxmlformats.org/officeDocument/2006/relationships/image" Target="../media/image1020.png"/><Relationship Id="rId9" Type="http://schemas.openxmlformats.org/officeDocument/2006/relationships/customXml" Target="../ink/ink4.xml"/><Relationship Id="rId14" Type="http://schemas.openxmlformats.org/officeDocument/2006/relationships/image" Target="../media/image107.png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8.png"/><Relationship Id="rId2" Type="http://schemas.openxmlformats.org/officeDocument/2006/relationships/notesSlide" Target="../notesSlides/notesSlide35.xml"/><Relationship Id="rId1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8.xml"/></Relationships>
</file>

<file path=ppt/slides/_rels/slide40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3" Type="http://schemas.openxmlformats.org/officeDocument/2006/relationships/image" Target="../media/image109.png"/><Relationship Id="rId7" Type="http://schemas.openxmlformats.org/officeDocument/2006/relationships/image" Target="../media/image112.png"/><Relationship Id="rId2" Type="http://schemas.openxmlformats.org/officeDocument/2006/relationships/notesSlide" Target="../notesSlides/notesSlide36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11.png"/><Relationship Id="rId5" Type="http://schemas.openxmlformats.org/officeDocument/2006/relationships/image" Target="../media/image96.png"/><Relationship Id="rId4" Type="http://schemas.openxmlformats.org/officeDocument/2006/relationships/image" Target="../media/image110.png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3.png"/><Relationship Id="rId2" Type="http://schemas.openxmlformats.org/officeDocument/2006/relationships/notesSlide" Target="../notesSlides/notesSlide37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36.png"/><Relationship Id="rId4" Type="http://schemas.openxmlformats.org/officeDocument/2006/relationships/image" Target="../media/image61.png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4.png"/><Relationship Id="rId2" Type="http://schemas.openxmlformats.org/officeDocument/2006/relationships/notesSlide" Target="../notesSlides/notesSlide38.xml"/><Relationship Id="rId1" Type="http://schemas.openxmlformats.org/officeDocument/2006/relationships/slideLayout" Target="../slideLayouts/slideLayout8.xml"/></Relationships>
</file>

<file path=ppt/slides/_rels/slide4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9.png"/><Relationship Id="rId3" Type="http://schemas.openxmlformats.org/officeDocument/2006/relationships/image" Target="../media/image115.png"/><Relationship Id="rId7" Type="http://schemas.openxmlformats.org/officeDocument/2006/relationships/image" Target="../media/image118.png"/><Relationship Id="rId2" Type="http://schemas.openxmlformats.org/officeDocument/2006/relationships/notesSlide" Target="../notesSlides/notesSlide39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117.png"/><Relationship Id="rId11" Type="http://schemas.openxmlformats.org/officeDocument/2006/relationships/image" Target="../media/image91.png"/><Relationship Id="rId5" Type="http://schemas.openxmlformats.org/officeDocument/2006/relationships/image" Target="../media/image12.png"/><Relationship Id="rId10" Type="http://schemas.openxmlformats.org/officeDocument/2006/relationships/image" Target="../media/image120.png"/><Relationship Id="rId4" Type="http://schemas.openxmlformats.org/officeDocument/2006/relationships/image" Target="../media/image116.png"/><Relationship Id="rId9" Type="http://schemas.openxmlformats.org/officeDocument/2006/relationships/image" Target="../media/image112.png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1.png"/><Relationship Id="rId7" Type="http://schemas.openxmlformats.org/officeDocument/2006/relationships/image" Target="../media/image35.png"/><Relationship Id="rId2" Type="http://schemas.openxmlformats.org/officeDocument/2006/relationships/notesSlide" Target="../notesSlides/notesSlide40.xml"/><Relationship Id="rId1" Type="http://schemas.openxmlformats.org/officeDocument/2006/relationships/slideLayout" Target="../slideLayouts/slideLayout8.xml"/><Relationship Id="rId6" Type="http://schemas.openxmlformats.org/officeDocument/2006/relationships/image" Target="../media/image34.png"/><Relationship Id="rId5" Type="http://schemas.openxmlformats.org/officeDocument/2006/relationships/image" Target="../media/image122.png"/><Relationship Id="rId4" Type="http://schemas.openxmlformats.org/officeDocument/2006/relationships/image" Target="../media/image36.png"/></Relationships>
</file>

<file path=ppt/slides/_rels/slide4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1.xml"/><Relationship Id="rId1" Type="http://schemas.openxmlformats.org/officeDocument/2006/relationships/slideLayout" Target="../slideLayouts/slideLayout4.xml"/></Relationships>
</file>

<file path=ppt/slides/_rels/slide4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2.xml"/><Relationship Id="rId1" Type="http://schemas.openxmlformats.org/officeDocument/2006/relationships/slideLayout" Target="../slideLayouts/slideLayout5.xml"/></Relationships>
</file>

<file path=ppt/slides/_rels/slide4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3.xml"/><Relationship Id="rId1" Type="http://schemas.openxmlformats.org/officeDocument/2006/relationships/slideLayout" Target="../slideLayouts/slideLayout4.xml"/></Relationships>
</file>

<file path=ppt/slides/_rels/slide4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4.xml"/><Relationship Id="rId1" Type="http://schemas.openxmlformats.org/officeDocument/2006/relationships/slideLayout" Target="../slideLayouts/slideLayout4.xml"/></Relationships>
</file>

<file path=ppt/slides/_rels/slide4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emf"/><Relationship Id="rId2" Type="http://schemas.openxmlformats.org/officeDocument/2006/relationships/image" Target="../media/image7.emf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9.png"/></Relationships>
</file>

<file path=ppt/slides/_rels/slide5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Relationship Id="rId5" Type="http://schemas.openxmlformats.org/officeDocument/2006/relationships/image" Target="../media/image6.png"/><Relationship Id="rId4" Type="http://schemas.openxmlformats.org/officeDocument/2006/relationships/notesSlide" Target="../notesSlides/notesSlide4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emf"/><Relationship Id="rId2" Type="http://schemas.openxmlformats.org/officeDocument/2006/relationships/image" Target="../media/image7.emf"/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8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resentation Title">
            <a:extLst>
              <a:ext uri="{FF2B5EF4-FFF2-40B4-BE49-F238E27FC236}">
                <a16:creationId xmlns:a16="http://schemas.microsoft.com/office/drawing/2014/main" id="{F7E3AC74-F0D7-479E-9B69-F73197BC2579}"/>
              </a:ext>
            </a:extLst>
          </p:cNvPr>
          <p:cNvSpPr txBox="1">
            <a:spLocks/>
          </p:cNvSpPr>
          <p:nvPr/>
        </p:nvSpPr>
        <p:spPr bwMode="gray">
          <a:xfrm>
            <a:off x="329343" y="4710230"/>
            <a:ext cx="10899174" cy="738664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sz="2800" dirty="0">
                <a:latin typeface="Calibri Light (Headings)"/>
                <a:cs typeface="Calibri" panose="020F0502020204030204" pitchFamily="34" charset="0"/>
              </a:rPr>
              <a:t>Buyer Initiated Quality Notification </a:t>
            </a:r>
            <a:br>
              <a:rPr lang="en-GB" sz="2800" dirty="0"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GB" sz="2800" dirty="0">
                <a:solidFill>
                  <a:srgbClr val="00195A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Supplier Training Guide</a:t>
            </a:r>
            <a:endParaRPr lang="de-DE" sz="2800" dirty="0">
              <a:solidFill>
                <a:srgbClr val="00195A"/>
              </a:solidFill>
              <a:latin typeface="Calibri Light" panose="020F0302020204030204" pitchFamily="34" charset="0"/>
              <a:cs typeface="Calibri Light" panose="020F0302020204030204" pitchFamily="34" charset="0"/>
            </a:endParaRPr>
          </a:p>
        </p:txBody>
      </p:sp>
      <p:pic>
        <p:nvPicPr>
          <p:cNvPr id="5" name="Illustration" descr="Example of an illustration" title="Illustration for title slide">
            <a:extLst>
              <a:ext uri="{FF2B5EF4-FFF2-40B4-BE49-F238E27FC236}">
                <a16:creationId xmlns:a16="http://schemas.microsoft.com/office/drawing/2014/main" id="{A6E18760-FBF4-402E-81B0-9AC7D7364083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3112" b="3112"/>
          <a:stretch>
            <a:fillRect/>
          </a:stretch>
        </p:blipFill>
        <p:spPr bwMode="gray">
          <a:xfrm>
            <a:off x="1587" y="-218661"/>
            <a:ext cx="12195174" cy="3430006"/>
          </a:xfrm>
          <a:prstGeom prst="rect">
            <a:avLst/>
          </a:prstGeom>
        </p:spPr>
      </p:pic>
      <p:pic>
        <p:nvPicPr>
          <p:cNvPr id="1026" name="Picture 6">
            <a:extLst>
              <a:ext uri="{FF2B5EF4-FFF2-40B4-BE49-F238E27FC236}">
                <a16:creationId xmlns:a16="http://schemas.microsoft.com/office/drawing/2014/main" id="{B2019C96-1EBE-8E78-1E02-2B208B93C52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478085" y="5792721"/>
            <a:ext cx="2522537" cy="693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" name="Title 1">
            <a:extLst>
              <a:ext uri="{FF2B5EF4-FFF2-40B4-BE49-F238E27FC236}">
                <a16:creationId xmlns:a16="http://schemas.microsoft.com/office/drawing/2014/main" id="{FEF86083-FD9C-34A9-9F93-B6FAF8A12095}"/>
              </a:ext>
            </a:extLst>
          </p:cNvPr>
          <p:cNvSpPr txBox="1">
            <a:spLocks/>
          </p:cNvSpPr>
          <p:nvPr/>
        </p:nvSpPr>
        <p:spPr bwMode="black">
          <a:xfrm>
            <a:off x="862055" y="1646810"/>
            <a:ext cx="10295118" cy="2387600"/>
          </a:xfrm>
          <a:prstGeom prst="rect">
            <a:avLst/>
          </a:prstGeom>
        </p:spPr>
        <p:txBody>
          <a:bodyPr vert="horz" wrap="square" lIns="0" tIns="0" rIns="0" bIns="0" rtlCol="0" anchor="b" anchorCtr="0">
            <a:normAutofit/>
          </a:bodyPr>
          <a:lstStyle>
            <a:lvl1pPr algn="ctr" defTabSz="1088558" rtl="0" eaLnBrk="1" latinLnBrk="0" hangingPunct="1">
              <a:spcBef>
                <a:spcPct val="0"/>
              </a:spcBef>
              <a:buNone/>
              <a:defRPr sz="60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 sz="5400" dirty="0">
                <a:latin typeface="Calibri Light (Headings)"/>
              </a:rPr>
              <a:t>SAP Business Network for SCC</a:t>
            </a:r>
          </a:p>
        </p:txBody>
      </p:sp>
    </p:spTree>
    <p:extLst>
      <p:ext uri="{BB962C8B-B14F-4D97-AF65-F5344CB8AC3E}">
        <p14:creationId xmlns:p14="http://schemas.microsoft.com/office/powerpoint/2010/main" val="427170936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9A6DA80D-AF05-4AA4-AE14-0EDC323411E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58788" y="1263736"/>
            <a:ext cx="11183565" cy="5137064"/>
          </a:xfrm>
        </p:spPr>
        <p:txBody>
          <a:bodyPr>
            <a:normAutofit fontScale="92500" lnSpcReduction="10000"/>
          </a:bodyPr>
          <a:lstStyle/>
          <a:p>
            <a:pPr marL="0" lvl="1" indent="0">
              <a:spcBef>
                <a:spcPts val="0"/>
              </a:spcBef>
              <a:spcAft>
                <a:spcPts val="600"/>
              </a:spcAft>
              <a:buNone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Allowed actions available in QN Portal User Navigation:</a:t>
            </a:r>
          </a:p>
          <a:p>
            <a:pPr lvl="1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Review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to review a QN.</a:t>
            </a:r>
          </a:p>
          <a:p>
            <a:pPr lvl="1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Publish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to publish a QN.</a:t>
            </a:r>
          </a:p>
          <a:p>
            <a:pPr lvl="1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Edit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to edit a published QN.</a:t>
            </a:r>
          </a:p>
          <a:p>
            <a:pPr lvl="1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Cancel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to cancel the editing or to go back.</a:t>
            </a:r>
          </a:p>
          <a:p>
            <a:pPr>
              <a:spcBef>
                <a:spcPts val="0"/>
              </a:spcBef>
              <a:spcAft>
                <a:spcPts val="600"/>
              </a:spcAft>
            </a:pPr>
            <a:endParaRPr lang="en-US" sz="1400" dirty="0">
              <a:solidFill>
                <a:srgbClr val="FFFF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>
              <a:spcBef>
                <a:spcPts val="0"/>
              </a:spcBef>
              <a:spcAft>
                <a:spcPts val="600"/>
              </a:spcAft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Once being created QN can be edited at any time if allowed by Customer.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Editing options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include:</a:t>
            </a:r>
          </a:p>
          <a:p>
            <a:pPr lvl="1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Adding tasks, activities, defects, batches etc.</a:t>
            </a:r>
          </a:p>
          <a:p>
            <a:pPr lvl="1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Updating existing data</a:t>
            </a:r>
          </a:p>
          <a:p>
            <a:pPr lvl="1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Adding attachments</a:t>
            </a:r>
          </a:p>
          <a:p>
            <a:pPr>
              <a:spcBef>
                <a:spcPts val="0"/>
              </a:spcBef>
              <a:spcAft>
                <a:spcPts val="600"/>
              </a:spcAft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fontAlgn="base"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Quality Catalog Codes:</a:t>
            </a:r>
          </a:p>
          <a:p>
            <a:pPr lvl="1" fontAlgn="base"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ustomer maintains available QN catalog codes (QN types, categories and subcategories for tasks, activities, defects etc.). </a:t>
            </a:r>
          </a:p>
          <a:p>
            <a:pPr lvl="1" fontAlgn="base"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Available values will be visible to supplier in the drop down list. In case supplier can not find a relevant value in the drop drown list, supplier should contact </a:t>
            </a:r>
            <a:r>
              <a:rPr lang="en-US" sz="1400" kern="0" dirty="0" err="1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ustome</a:t>
            </a:r>
            <a:r>
              <a:rPr lang="pl-PL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r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lvl="1" fontAlgn="base"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  <a:buFont typeface="Arial" panose="020B0604020202020204" pitchFamily="34" charset="0"/>
              <a:buChar char="•"/>
            </a:pPr>
            <a:endParaRPr lang="en-US" sz="14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marL="0" lvl="1" indent="0" fontAlgn="base"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  <a:buNone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uppliers can add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Web-page links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to quality notifications in the following sections:</a:t>
            </a:r>
          </a:p>
          <a:p>
            <a:pPr lvl="1" fontAlgn="base"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QN header: Comments, Task/ Activity/ Defect description.</a:t>
            </a:r>
          </a:p>
          <a:p>
            <a:pPr lvl="1" fontAlgn="base"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Defect section: Task/ Activity/ Cause</a:t>
            </a:r>
          </a:p>
          <a:p>
            <a:pPr lvl="1" fontAlgn="base"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dit QN/ Additional Comments section. </a:t>
            </a:r>
          </a:p>
          <a:p>
            <a:pPr lvl="1" fontAlgn="base">
              <a:spcBef>
                <a:spcPts val="0"/>
              </a:spcBef>
              <a:spcAft>
                <a:spcPts val="600"/>
              </a:spcAft>
              <a:buClr>
                <a:srgbClr val="F0AB00"/>
              </a:buClr>
              <a:buFont typeface="Arial" panose="020B0604020202020204" pitchFamily="34" charset="0"/>
              <a:buChar char="•"/>
            </a:pPr>
            <a:endParaRPr lang="en-US" sz="14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marL="0" lvl="1" indent="0">
              <a:spcBef>
                <a:spcPts val="0"/>
              </a:spcBef>
              <a:buNone/>
            </a:pPr>
            <a:endParaRPr lang="en-US" sz="13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99DD57B-D6E8-4E5C-A6E6-1575B9728E7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0"/>
            <a:ext cx="11183564" cy="369332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Quality Notification </a:t>
            </a:r>
            <a:r>
              <a:rPr lang="en-US" sz="2200" dirty="0">
                <a:latin typeface="Calibri Light (Headings)"/>
              </a:rPr>
              <a:t>Overall Considerations</a:t>
            </a:r>
            <a:endParaRPr lang="en-US" dirty="0">
              <a:latin typeface="Calibri Light (Headings)"/>
            </a:endParaRPr>
          </a:p>
        </p:txBody>
      </p:sp>
    </p:spTree>
    <p:extLst>
      <p:ext uri="{BB962C8B-B14F-4D97-AF65-F5344CB8AC3E}">
        <p14:creationId xmlns:p14="http://schemas.microsoft.com/office/powerpoint/2010/main" val="300165099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A89F64F7-84D8-4E45-8E2B-7CDD9A41631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58787" y="1427880"/>
            <a:ext cx="3280810" cy="4406727"/>
          </a:xfrm>
        </p:spPr>
        <p:txBody>
          <a:bodyPr>
            <a:normAutofit/>
          </a:bodyPr>
          <a:lstStyle/>
          <a:p>
            <a:pPr marL="342900" indent="-342900" algn="just">
              <a:spcBef>
                <a:spcPts val="0"/>
              </a:spcBef>
              <a:spcAft>
                <a:spcPts val="600"/>
              </a:spcAft>
              <a:buSzPct val="100000"/>
              <a:buFont typeface="+mj-lt"/>
              <a:buAutoNum type="arabicPeriod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access Quality Collaboration screens by clicking </a:t>
            </a:r>
            <a:r>
              <a:rPr lang="en-AU" sz="1400" b="1" dirty="0">
                <a:latin typeface="Calibri" panose="020F0502020204030204" pitchFamily="34" charset="0"/>
                <a:cs typeface="Calibri" panose="020F0502020204030204" pitchFamily="34" charset="0"/>
              </a:rPr>
              <a:t>Quality</a:t>
            </a: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 on the main menu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SzPct val="100000"/>
              <a:buFont typeface="+mj-lt"/>
              <a:buAutoNum type="arabicPeriod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Select the relevant process from the drop dow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SzPct val="100000"/>
              <a:buFont typeface="+mj-lt"/>
              <a:buAutoNum type="arabicPeriod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Select </a:t>
            </a:r>
            <a:r>
              <a:rPr lang="en-AU" sz="1400" b="1" dirty="0">
                <a:latin typeface="Calibri" panose="020F0502020204030204" pitchFamily="34" charset="0"/>
                <a:cs typeface="Calibri" panose="020F0502020204030204" pitchFamily="34" charset="0"/>
              </a:rPr>
              <a:t>Settings</a:t>
            </a: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 to confirm email for quality notifications, quality collaboration types and events.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9E24492-2B96-4E45-926B-608EA1D1924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1"/>
            <a:ext cx="11183564" cy="692369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Quality Tab </a:t>
            </a:r>
            <a:br>
              <a:rPr lang="en-US" dirty="0">
                <a:latin typeface="Calibri Light (Headings)"/>
              </a:rPr>
            </a:br>
            <a:r>
              <a:rPr lang="en-US" sz="2100" dirty="0">
                <a:solidFill>
                  <a:schemeClr val="accent1"/>
                </a:solidFill>
                <a:latin typeface="Calibri Light (Headings)"/>
              </a:rPr>
              <a:t>Options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F0F1F6A-21E7-42B4-BE4B-B967CEB30F3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50147" y="1417391"/>
            <a:ext cx="6279357" cy="830937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C646D51B-A078-40D0-936B-83A40F1F01E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238326" y="2248328"/>
            <a:ext cx="891178" cy="1677837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24B9E91C-64B8-4C5E-BE1C-926C0BE0225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214324" y="1832859"/>
            <a:ext cx="274344" cy="329213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A3750259-1CB2-4CFA-AD97-1D7FE8127B71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963982" y="2102442"/>
            <a:ext cx="274344" cy="329213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CC1A3D6C-900E-4E29-B97C-4310705194A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963982" y="3548115"/>
            <a:ext cx="274344" cy="3292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5505613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5F091EB6-3777-4872-931D-938808FD9F9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58788" y="1429021"/>
            <a:ext cx="2979307" cy="4716000"/>
          </a:xfrm>
        </p:spPr>
        <p:txBody>
          <a:bodyPr>
            <a:normAutofit/>
          </a:bodyPr>
          <a:lstStyle/>
          <a:p>
            <a:pPr algn="just">
              <a:spcBef>
                <a:spcPts val="0"/>
              </a:spcBef>
              <a:spcAft>
                <a:spcPts val="600"/>
              </a:spcAft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From the Quality Settings Screen:</a:t>
            </a:r>
          </a:p>
          <a:p>
            <a:pPr marL="228600" indent="-228600" algn="just">
              <a:spcBef>
                <a:spcPts val="0"/>
              </a:spcBef>
              <a:spcAft>
                <a:spcPts val="600"/>
              </a:spcAft>
              <a:buSzPct val="10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Edit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to enter Edit mode.</a:t>
            </a:r>
          </a:p>
          <a:p>
            <a:pPr marL="228600" indent="-228600" algn="just">
              <a:spcBef>
                <a:spcPts val="0"/>
              </a:spcBef>
              <a:spcAft>
                <a:spcPts val="600"/>
              </a:spcAft>
              <a:buSzPct val="10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elect the rule level required.</a:t>
            </a:r>
          </a:p>
          <a:p>
            <a:pPr marL="228600" indent="-228600" algn="just">
              <a:spcBef>
                <a:spcPts val="0"/>
              </a:spcBef>
              <a:spcAft>
                <a:spcPts val="600"/>
              </a:spcAft>
              <a:buSzPct val="10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elect the Quality level required.</a:t>
            </a:r>
          </a:p>
          <a:p>
            <a:pPr marL="228600" indent="-228600">
              <a:spcBef>
                <a:spcPts val="0"/>
              </a:spcBef>
              <a:spcAft>
                <a:spcPts val="600"/>
              </a:spcAft>
              <a:buSzPct val="10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Click on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Submit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to save the changes.</a:t>
            </a:r>
          </a:p>
          <a:p>
            <a:pPr marL="228600" indent="-2286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>
              <a:spcBef>
                <a:spcPts val="0"/>
              </a:spcBef>
              <a:spcAft>
                <a:spcPts val="600"/>
              </a:spcAft>
            </a:pPr>
            <a:r>
              <a:rPr lang="en-US" sz="1400" b="1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Note: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Prior to managing quality settings, quality user needs to be created by supplier account Admin. </a:t>
            </a:r>
          </a:p>
          <a:p>
            <a:pPr marL="228600" indent="-228600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endParaRPr lang="en-US" sz="13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9905C05-4646-4E24-8E20-80EEF224790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1"/>
            <a:ext cx="11183564" cy="692369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Quality Tab </a:t>
            </a:r>
            <a:br>
              <a:rPr lang="en-US" dirty="0">
                <a:latin typeface="Calibri Light (Headings)"/>
              </a:rPr>
            </a:br>
            <a:r>
              <a:rPr lang="en-US" sz="2100" dirty="0">
                <a:solidFill>
                  <a:schemeClr val="accent1"/>
                </a:solidFill>
                <a:latin typeface="Calibri Light (Headings)"/>
              </a:rPr>
              <a:t>Edit Quality Email Notifications</a:t>
            </a: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6E31DE6D-A9FC-437D-A786-A5402F09183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640056" y="1448489"/>
            <a:ext cx="5050078" cy="452621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1594E467-2ECD-4D44-AF8C-A08212542F2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594910" y="1513241"/>
            <a:ext cx="274344" cy="323116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A7A05FC9-27B6-49E7-92E7-FEC8BE4ADB3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10831" y="4779715"/>
            <a:ext cx="1710763" cy="380565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F3379093-8A35-489E-A64C-1EAE3F7A9E8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0766212" y="4683820"/>
            <a:ext cx="274344" cy="329213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5B63EBFD-976E-419B-AB61-7A91F0DE5E3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650852" y="2031336"/>
            <a:ext cx="6970742" cy="2652484"/>
          </a:xfrm>
          <a:prstGeom prst="rect">
            <a:avLst/>
          </a:prstGeom>
        </p:spPr>
      </p:pic>
      <p:pic>
        <p:nvPicPr>
          <p:cNvPr id="26" name="Picture 25">
            <a:extLst>
              <a:ext uri="{FF2B5EF4-FFF2-40B4-BE49-F238E27FC236}">
                <a16:creationId xmlns:a16="http://schemas.microsoft.com/office/drawing/2014/main" id="{77D0DC41-B8EE-4B33-B93C-519442556AEA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513680" y="2138977"/>
            <a:ext cx="274344" cy="329213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FA543B74-BCD4-4C88-8785-7A2F83D6F90C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513680" y="3423121"/>
            <a:ext cx="274344" cy="3231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4998630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itle"/>
          <p:cNvSpPr>
            <a:spLocks noGrp="1"/>
          </p:cNvSpPr>
          <p:nvPr>
            <p:ph type="title"/>
          </p:nvPr>
        </p:nvSpPr>
        <p:spPr>
          <a:xfrm>
            <a:off x="458787" y="457200"/>
            <a:ext cx="11183564" cy="369204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Quality Notification Portal User Interaction</a:t>
            </a:r>
          </a:p>
        </p:txBody>
      </p:sp>
      <p:sp>
        <p:nvSpPr>
          <p:cNvPr id="5" name="Arrow: Chevron 4">
            <a:extLst>
              <a:ext uri="{FF2B5EF4-FFF2-40B4-BE49-F238E27FC236}">
                <a16:creationId xmlns:a16="http://schemas.microsoft.com/office/drawing/2014/main" id="{853E243B-94B1-4612-A816-E04527C22051}"/>
              </a:ext>
            </a:extLst>
          </p:cNvPr>
          <p:cNvSpPr/>
          <p:nvPr/>
        </p:nvSpPr>
        <p:spPr bwMode="gray">
          <a:xfrm>
            <a:off x="3375885" y="1797798"/>
            <a:ext cx="2962349" cy="1409603"/>
          </a:xfrm>
          <a:prstGeom prst="chevron">
            <a:avLst/>
          </a:prstGeom>
          <a:solidFill>
            <a:schemeClr val="accent1"/>
          </a:solidFill>
          <a:ln w="2540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Arrow: Chevron 5">
            <a:extLst>
              <a:ext uri="{FF2B5EF4-FFF2-40B4-BE49-F238E27FC236}">
                <a16:creationId xmlns:a16="http://schemas.microsoft.com/office/drawing/2014/main" id="{250334E6-819E-4060-9110-55317AC9484C}"/>
              </a:ext>
            </a:extLst>
          </p:cNvPr>
          <p:cNvSpPr/>
          <p:nvPr/>
        </p:nvSpPr>
        <p:spPr bwMode="gray">
          <a:xfrm>
            <a:off x="8163325" y="1797797"/>
            <a:ext cx="3181315" cy="1411549"/>
          </a:xfrm>
          <a:prstGeom prst="chevron">
            <a:avLst/>
          </a:prstGeom>
          <a:solidFill>
            <a:schemeClr val="accent1"/>
          </a:solidFill>
          <a:ln w="2540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C4890A1C-D981-4AE3-A260-177C1B0D6F9B}"/>
              </a:ext>
            </a:extLst>
          </p:cNvPr>
          <p:cNvSpPr txBox="1"/>
          <p:nvPr/>
        </p:nvSpPr>
        <p:spPr>
          <a:xfrm>
            <a:off x="4075056" y="2323808"/>
            <a:ext cx="1524260" cy="78483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lvl="0" algn="ctr"/>
            <a:r>
              <a:rPr lang="en-US" sz="1200" b="1" kern="0" dirty="0">
                <a:solidFill>
                  <a:schemeClr val="bg1"/>
                </a:solidFill>
                <a:hlinkClick r:id="rId3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Maintain Quality Notification</a:t>
            </a:r>
            <a:endParaRPr lang="en-US" sz="1200" b="1" kern="0" dirty="0">
              <a:solidFill>
                <a:schemeClr val="bg1"/>
              </a:solidFill>
            </a:endParaRP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" name="Arrow: Chevron 10">
            <a:extLst>
              <a:ext uri="{FF2B5EF4-FFF2-40B4-BE49-F238E27FC236}">
                <a16:creationId xmlns:a16="http://schemas.microsoft.com/office/drawing/2014/main" id="{9336C9FA-CEB7-497B-8421-E357E98E0CA0}"/>
              </a:ext>
            </a:extLst>
          </p:cNvPr>
          <p:cNvSpPr/>
          <p:nvPr/>
        </p:nvSpPr>
        <p:spPr bwMode="gray">
          <a:xfrm>
            <a:off x="5808683" y="1797798"/>
            <a:ext cx="2863877" cy="1409603"/>
          </a:xfrm>
          <a:prstGeom prst="chevron">
            <a:avLst/>
          </a:prstGeom>
          <a:solidFill>
            <a:schemeClr val="accent1"/>
          </a:solidFill>
          <a:ln w="2540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6A5E13D0-D7E7-4534-8804-33EB55A2DD44}"/>
              </a:ext>
            </a:extLst>
          </p:cNvPr>
          <p:cNvSpPr txBox="1"/>
          <p:nvPr/>
        </p:nvSpPr>
        <p:spPr>
          <a:xfrm>
            <a:off x="9091291" y="2346891"/>
            <a:ext cx="152426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lvl="0" algn="ctr"/>
            <a:r>
              <a:rPr lang="en-US" sz="1200" b="1" kern="0" dirty="0">
                <a:solidFill>
                  <a:schemeClr val="bg1"/>
                </a:solidFill>
                <a:hlinkClick r:id="rId4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earch and Review Published QN</a:t>
            </a:r>
            <a:endParaRPr lang="en-US" sz="1800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68DEF984-E543-427F-970B-0BFEE7583F4D}"/>
              </a:ext>
            </a:extLst>
          </p:cNvPr>
          <p:cNvSpPr txBox="1"/>
          <p:nvPr/>
        </p:nvSpPr>
        <p:spPr>
          <a:xfrm>
            <a:off x="6637554" y="2346892"/>
            <a:ext cx="1390777" cy="6463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  <a:hlinkClick r:id="rId5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Complete and Publish QN </a:t>
            </a:r>
            <a:endParaRPr lang="en-US" sz="1200" b="1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200" b="1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6A8AA2FD-53DD-4CED-AB05-CF38C6718E2E}"/>
              </a:ext>
            </a:extLst>
          </p:cNvPr>
          <p:cNvSpPr txBox="1"/>
          <p:nvPr/>
        </p:nvSpPr>
        <p:spPr>
          <a:xfrm>
            <a:off x="1296613" y="3429000"/>
            <a:ext cx="2262485" cy="246221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6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earch Filters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7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Review QN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8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etails Screen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9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efects Screen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dirty="0">
                <a:latin typeface="Calibri" panose="020F0502020204030204" pitchFamily="34" charset="0"/>
                <a:cs typeface="Calibri" panose="020F0502020204030204" pitchFamily="34" charset="0"/>
                <a:hlinkClick r:id="rId10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Partner Info and History Tab Screens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fontAlgn="base">
              <a:spcAft>
                <a:spcPts val="600"/>
              </a:spcAft>
              <a:buClr>
                <a:srgbClr val="F0AB00"/>
              </a:buClr>
              <a:buSzPct val="80000"/>
            </a:pP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fontAlgn="base">
              <a:spcAft>
                <a:spcPts val="600"/>
              </a:spcAft>
              <a:buClr>
                <a:srgbClr val="F0AB00"/>
              </a:buClr>
              <a:buSzPct val="80000"/>
            </a:pP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fontAlgn="base">
              <a:spcAft>
                <a:spcPts val="600"/>
              </a:spcAft>
              <a:buClr>
                <a:srgbClr val="F0AB00"/>
              </a:buClr>
              <a:buSzPct val="80000"/>
            </a:pP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fontAlgn="base"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fontAlgn="base"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D8787240-ECFB-4D4A-AB8E-3D5F8C048BF2}"/>
              </a:ext>
            </a:extLst>
          </p:cNvPr>
          <p:cNvSpPr txBox="1"/>
          <p:nvPr/>
        </p:nvSpPr>
        <p:spPr>
          <a:xfrm>
            <a:off x="3559098" y="3429001"/>
            <a:ext cx="2072479" cy="272382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11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etails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algn="just"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12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etails – Required Task</a:t>
            </a: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</a:t>
            </a:r>
          </a:p>
          <a:p>
            <a:pPr algn="just"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13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etails – Activity Log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algn="just"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14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efect</a:t>
            </a: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</a:t>
            </a:r>
          </a:p>
          <a:p>
            <a:pPr algn="just"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15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efects – Causes 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algn="just"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16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efects – Additional Impacted Batches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algn="just"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17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efects – Required Tasks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algn="just"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18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efects – Activity Log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algn="just" fontAlgn="base"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200" u="sng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  <a:hlinkClick r:id="rId19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Quality notification mass update</a:t>
            </a:r>
            <a:endParaRPr lang="en-US" sz="1200" u="sng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fontAlgn="base"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200" kern="0" dirty="0" err="1">
              <a:solidFill>
                <a:srgbClr val="FFFF00"/>
              </a:solidFill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16" name="Arrow: Chevron 15">
            <a:extLst>
              <a:ext uri="{FF2B5EF4-FFF2-40B4-BE49-F238E27FC236}">
                <a16:creationId xmlns:a16="http://schemas.microsoft.com/office/drawing/2014/main" id="{FEAF256E-3C61-4C7E-9313-D658610546E1}"/>
              </a:ext>
            </a:extLst>
          </p:cNvPr>
          <p:cNvSpPr/>
          <p:nvPr/>
        </p:nvSpPr>
        <p:spPr bwMode="gray">
          <a:xfrm>
            <a:off x="946680" y="1797796"/>
            <a:ext cx="2962350" cy="1409604"/>
          </a:xfrm>
          <a:prstGeom prst="chevron">
            <a:avLst/>
          </a:prstGeom>
          <a:solidFill>
            <a:schemeClr val="accent1"/>
          </a:solidFill>
          <a:ln w="2540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  <a:hlinkClick r:id="rId6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earch and View QN</a:t>
            </a:r>
            <a:endParaRPr lang="en-US" sz="1200" b="1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60274948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5C690C9-A117-4E4A-AD2C-CC913B80E47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1"/>
            <a:ext cx="11183564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Search and View QN</a:t>
            </a:r>
            <a:br>
              <a:rPr lang="en-US" dirty="0">
                <a:latin typeface="Calibri Light (Headings)"/>
              </a:rPr>
            </a:br>
            <a:r>
              <a:rPr lang="en-US" sz="2100" dirty="0">
                <a:solidFill>
                  <a:schemeClr val="accent1"/>
                </a:solidFill>
                <a:latin typeface="Calibri Light (Headings)"/>
              </a:rPr>
              <a:t>Search Filters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AB063992-B266-4B13-94C8-4750CC8DBADE}"/>
              </a:ext>
            </a:extLst>
          </p:cNvPr>
          <p:cNvSpPr txBox="1"/>
          <p:nvPr/>
        </p:nvSpPr>
        <p:spPr>
          <a:xfrm>
            <a:off x="548542" y="1559011"/>
            <a:ext cx="4381545" cy="29700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>
              <a:spcAft>
                <a:spcPts val="600"/>
              </a:spcAft>
              <a:buClr>
                <a:schemeClr val="accent1"/>
              </a:buClr>
              <a:buSzPct val="100000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rom the Homepage:</a:t>
            </a:r>
          </a:p>
          <a:p>
            <a:pPr marL="342900" indent="-342900" algn="just">
              <a:spcAft>
                <a:spcPts val="600"/>
              </a:spcAft>
              <a:buClr>
                <a:schemeClr val="accent1"/>
              </a:buClr>
              <a:buSzPct val="10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lick on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Quality &gt; Notification.</a:t>
            </a:r>
            <a:endParaRPr lang="en-US" sz="14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marL="342900" indent="-342900" algn="just">
              <a:spcAft>
                <a:spcPts val="600"/>
              </a:spcAft>
              <a:buClr>
                <a:schemeClr val="accent1"/>
              </a:buClr>
              <a:buSzPct val="10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pand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earch filters.</a:t>
            </a:r>
          </a:p>
          <a:p>
            <a:pPr marL="342900" indent="-342900" algn="just">
              <a:spcAft>
                <a:spcPts val="600"/>
              </a:spcAft>
              <a:buClr>
                <a:schemeClr val="accent1"/>
              </a:buClr>
              <a:buSzPct val="10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ill in the search criteria. You can use the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artial match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or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act match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ub filters to search for a partial or an exact match on the Supplier deviation no. and Customer deviation no. </a:t>
            </a:r>
          </a:p>
          <a:p>
            <a:pPr marL="342900" indent="-342900" algn="just">
              <a:spcAft>
                <a:spcPts val="600"/>
              </a:spcAft>
              <a:buClr>
                <a:schemeClr val="accent1"/>
              </a:buClr>
              <a:buSzPct val="10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When the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act match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ub filter is selected for the Supplier deviation no. or the Customer deviation no. filter, only that filter and the Customer filter will display.</a:t>
            </a:r>
          </a:p>
          <a:p>
            <a:pPr marL="342900" indent="-342900" algn="just">
              <a:spcAft>
                <a:spcPts val="600"/>
              </a:spcAft>
              <a:buClr>
                <a:schemeClr val="accent1"/>
              </a:buClr>
              <a:buSzPct val="10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earch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 Matching results will appear.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DE13D669-6D99-4F6A-9AA2-D883F26E769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15830" y="1308701"/>
            <a:ext cx="5083289" cy="663957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F8CCCE0B-B235-4A0E-9616-31A629FBA5F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515035" y="1970804"/>
            <a:ext cx="664123" cy="225474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0CA1118A-1408-4943-92BA-47A4B5AF4FA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279058" y="1864705"/>
            <a:ext cx="274344" cy="323116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77A3BCA2-DFAC-08BD-3801-565CEEEBE8F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815830" y="2249037"/>
            <a:ext cx="5817126" cy="2487032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9AB955E8-5C38-DB85-3501-69724C111BD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815829" y="4796812"/>
            <a:ext cx="4913983" cy="1694578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770FFBFD-8AC9-A710-618A-49DB990A60A9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735481" y="2433120"/>
            <a:ext cx="280440" cy="329213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7D855C01-F789-E3FE-9122-A5146A7159D9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5823243" y="3677924"/>
            <a:ext cx="274344" cy="329213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60618B0D-5CBB-3066-1D5B-7D7C65257437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5830466" y="5510143"/>
            <a:ext cx="274344" cy="323116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16CBF792-67E0-95B6-7824-FA05E69351CB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9835425" y="6007593"/>
            <a:ext cx="274344" cy="3292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0199158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2787686-9EFB-4C29-BEDB-0C58A74788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1"/>
            <a:ext cx="11183564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Search and View QN</a:t>
            </a:r>
            <a:br>
              <a:rPr lang="en-US" dirty="0">
                <a:latin typeface="Calibri Light (Headings)"/>
              </a:rPr>
            </a:br>
            <a:r>
              <a:rPr lang="en-US" sz="2100" dirty="0">
                <a:solidFill>
                  <a:schemeClr val="accent1"/>
                </a:solidFill>
                <a:latin typeface="Calibri Light (Headings)"/>
              </a:rPr>
              <a:t>Review QN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5B667EA-341B-483E-9CD3-A8FBAD2BF544}"/>
              </a:ext>
            </a:extLst>
          </p:cNvPr>
          <p:cNvSpPr txBox="1"/>
          <p:nvPr/>
        </p:nvSpPr>
        <p:spPr>
          <a:xfrm>
            <a:off x="611875" y="1492742"/>
            <a:ext cx="8234627" cy="118494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342900" indent="-342900"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100000"/>
              <a:buFont typeface="+mj-lt"/>
              <a:buAutoNum type="arabicPeriod" startAt="6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dentify the required QN and open it by clicking on the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upplier deviation no. </a:t>
            </a:r>
          </a:p>
          <a:p>
            <a:pPr marL="342900" indent="-342900"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100000"/>
              <a:buFont typeface="+mj-lt"/>
              <a:buAutoNum type="arabicPeriod" startAt="6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You can configure your view by clicking the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onfigure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icon.</a:t>
            </a:r>
          </a:p>
          <a:p>
            <a:pPr marL="342900" indent="-342900"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100000"/>
              <a:buFont typeface="+mj-lt"/>
              <a:buAutoNum type="arabicPeriod" startAt="6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You can find and access quality notification as well from the PO screen in the PO related documents section.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kern="0" dirty="0">
                <a:solidFill>
                  <a:schemeClr val="accent1"/>
                </a:solidFill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Note: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you can not find a required notification, contact your customer.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5C83350D-2087-49D9-8183-37DE9E99411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62080" y="2987067"/>
            <a:ext cx="7878597" cy="1524225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591BA4C8-2066-4AE6-8FD2-E71CF505BB0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61773" y="4534966"/>
            <a:ext cx="6777317" cy="2003824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C42E3532-847C-4598-8B2E-4F917571CB7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229203" y="6240060"/>
            <a:ext cx="1102950" cy="298730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3BE59C16-29C0-45F5-B377-B5410BB36E9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293126" y="2714858"/>
            <a:ext cx="245964" cy="235032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6C35DF2F-A88B-D0B5-3F68-F52DFB2B7BC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018782" y="2682751"/>
            <a:ext cx="274344" cy="323116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407FB768-FE10-B6A4-FE1B-EE9486FC2416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955523" y="6060212"/>
            <a:ext cx="274344" cy="329213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2C82ACC5-398F-5DEB-D74A-55850DF975AB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36928" y="3121650"/>
            <a:ext cx="274344" cy="3231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02081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6B2DD6-1102-4905-9844-C9CF54A996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1"/>
            <a:ext cx="11183564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Search and View QN </a:t>
            </a:r>
            <a:br>
              <a:rPr lang="en-US" dirty="0">
                <a:latin typeface="Calibri Light (Headings)"/>
              </a:rPr>
            </a:br>
            <a:r>
              <a:rPr lang="en-US" sz="2100" dirty="0">
                <a:solidFill>
                  <a:schemeClr val="accent1"/>
                </a:solidFill>
                <a:latin typeface="Calibri Light (Headings)"/>
              </a:rPr>
              <a:t>Details Screen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D4C4214F-38D9-44B3-A1CE-204F8EFDFE69}"/>
              </a:ext>
            </a:extLst>
          </p:cNvPr>
          <p:cNvSpPr txBox="1"/>
          <p:nvPr/>
        </p:nvSpPr>
        <p:spPr>
          <a:xfrm>
            <a:off x="458787" y="1311061"/>
            <a:ext cx="3276633" cy="204671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10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You can view the details of incoming QN, problem description, return information, required tasks and activity log.</a:t>
            </a:r>
          </a:p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10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You can export notification in cXML or print it.</a:t>
            </a:r>
          </a:p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10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dit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to start working with quality notification.</a:t>
            </a:r>
          </a:p>
          <a:p>
            <a:pPr marL="228600" indent="-2286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10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ancel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to exit the screen.</a:t>
            </a: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01768C2A-F7FB-434F-B6B6-55ACAFC352B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338380" y="628012"/>
            <a:ext cx="5378377" cy="3720683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BBFC4C58-13A4-4436-9A79-F2BDC3872FF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387044" y="4415404"/>
            <a:ext cx="5375324" cy="958965"/>
          </a:xfrm>
          <a:prstGeom prst="rect">
            <a:avLst/>
          </a:prstGeom>
        </p:spPr>
      </p:pic>
      <p:pic>
        <p:nvPicPr>
          <p:cNvPr id="26" name="Picture 25">
            <a:extLst>
              <a:ext uri="{FF2B5EF4-FFF2-40B4-BE49-F238E27FC236}">
                <a16:creationId xmlns:a16="http://schemas.microsoft.com/office/drawing/2014/main" id="{07A4D0E3-3D87-4A10-A7E8-BE6978EBF49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417009" y="5361066"/>
            <a:ext cx="5375324" cy="628173"/>
          </a:xfrm>
          <a:prstGeom prst="rect">
            <a:avLst/>
          </a:prstGeom>
        </p:spPr>
      </p:pic>
      <p:pic>
        <p:nvPicPr>
          <p:cNvPr id="28" name="Picture 27">
            <a:extLst>
              <a:ext uri="{FF2B5EF4-FFF2-40B4-BE49-F238E27FC236}">
                <a16:creationId xmlns:a16="http://schemas.microsoft.com/office/drawing/2014/main" id="{664F7748-5498-4DA4-A3FD-79F9C551C405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387044" y="5988457"/>
            <a:ext cx="5394021" cy="218638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71686C69-AF4C-4B72-824F-9E44DBF28D95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394865" y="6210978"/>
            <a:ext cx="5378377" cy="152354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7AC09115-2A57-4E85-AA62-12281F0ABF7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279837" y="803449"/>
            <a:ext cx="274344" cy="323116"/>
          </a:xfrm>
          <a:prstGeom prst="rect">
            <a:avLst/>
          </a:prstGeom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D6B1F5D-4E4E-436E-81F5-6D025EFE09EB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52908" y="650905"/>
            <a:ext cx="401637" cy="219075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C6EB6051-7C8F-4380-982A-EFE2F75F1356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9078564" y="635794"/>
            <a:ext cx="274344" cy="329213"/>
          </a:xfrm>
          <a:prstGeom prst="rect">
            <a:avLst/>
          </a:prstGeom>
        </p:spPr>
      </p:pic>
      <p:pic>
        <p:nvPicPr>
          <p:cNvPr id="44" name="Picture 43">
            <a:extLst>
              <a:ext uri="{FF2B5EF4-FFF2-40B4-BE49-F238E27FC236}">
                <a16:creationId xmlns:a16="http://schemas.microsoft.com/office/drawing/2014/main" id="{77F63A16-5C92-4AD3-853F-F448F61EEFF7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8805062" y="6482506"/>
            <a:ext cx="786452" cy="268247"/>
          </a:xfrm>
          <a:prstGeom prst="rect">
            <a:avLst/>
          </a:prstGeom>
        </p:spPr>
      </p:pic>
      <p:pic>
        <p:nvPicPr>
          <p:cNvPr id="45" name="Picture 44">
            <a:extLst>
              <a:ext uri="{FF2B5EF4-FFF2-40B4-BE49-F238E27FC236}">
                <a16:creationId xmlns:a16="http://schemas.microsoft.com/office/drawing/2014/main" id="{7572748A-262E-4121-831F-A2F99BEF165D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9183910" y="6261361"/>
            <a:ext cx="274344" cy="323116"/>
          </a:xfrm>
          <a:prstGeom prst="rect">
            <a:avLst/>
          </a:prstGeom>
        </p:spPr>
      </p:pic>
      <p:pic>
        <p:nvPicPr>
          <p:cNvPr id="46" name="Picture 45">
            <a:extLst>
              <a:ext uri="{FF2B5EF4-FFF2-40B4-BE49-F238E27FC236}">
                <a16:creationId xmlns:a16="http://schemas.microsoft.com/office/drawing/2014/main" id="{23CC2AEF-F01B-4CF1-9F33-CEC3C5D0E305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8652080" y="6287416"/>
            <a:ext cx="274344" cy="3292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12605614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5" name="Picture 14">
            <a:extLst>
              <a:ext uri="{FF2B5EF4-FFF2-40B4-BE49-F238E27FC236}">
                <a16:creationId xmlns:a16="http://schemas.microsoft.com/office/drawing/2014/main" id="{5B716800-EFAB-4EE6-885C-5F8289E8E35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575365" y="4915205"/>
            <a:ext cx="8451422" cy="1159738"/>
          </a:xfrm>
          <a:prstGeom prst="rect">
            <a:avLst/>
          </a:prstGeom>
          <a:ln>
            <a:noFill/>
          </a:ln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E233146E-B017-45A2-8FD7-6C10B54918B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573463" y="1594209"/>
            <a:ext cx="8453324" cy="3405463"/>
          </a:xfrm>
          <a:prstGeom prst="rect">
            <a:avLst/>
          </a:prstGeom>
          <a:ln>
            <a:noFill/>
          </a:ln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27F1F2CA-9B6A-4BFA-BC2E-1D2C0030F01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1"/>
            <a:ext cx="11183564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Search and View QN </a:t>
            </a:r>
            <a:br>
              <a:rPr lang="en-US" dirty="0">
                <a:latin typeface="Calibri Light (Headings)"/>
              </a:rPr>
            </a:br>
            <a:r>
              <a:rPr lang="en-US" sz="2100" dirty="0">
                <a:solidFill>
                  <a:schemeClr val="accent1"/>
                </a:solidFill>
                <a:latin typeface="Calibri Light (Headings)"/>
              </a:rPr>
              <a:t>Defects Screen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FA39401-A94D-4FEE-942B-E49EAB0B9A28}"/>
              </a:ext>
            </a:extLst>
          </p:cNvPr>
          <p:cNvSpPr txBox="1"/>
          <p:nvPr/>
        </p:nvSpPr>
        <p:spPr>
          <a:xfrm>
            <a:off x="458789" y="1607793"/>
            <a:ext cx="2897451" cy="29700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 fontAlgn="base">
              <a:spcBef>
                <a:spcPct val="50000"/>
              </a:spcBef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rom the QN screen:</a:t>
            </a:r>
          </a:p>
          <a:p>
            <a:pPr marL="228600" indent="-228600" algn="just" fontAlgn="base">
              <a:spcAft>
                <a:spcPts val="600"/>
              </a:spcAft>
              <a:buClr>
                <a:srgbClr val="F0AB00"/>
              </a:buClr>
              <a:buSzPct val="100000"/>
              <a:buFont typeface="+mj-lt"/>
              <a:buAutoNum type="arabicPeriod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The number in the brackets indicates the number of defects.</a:t>
            </a:r>
          </a:p>
          <a:p>
            <a:pPr marL="228600" indent="-228600" algn="just" fontAlgn="base">
              <a:spcAft>
                <a:spcPts val="600"/>
              </a:spcAft>
              <a:buClr>
                <a:srgbClr val="F0AB00"/>
              </a:buClr>
              <a:buSzPct val="100000"/>
              <a:buFont typeface="+mj-lt"/>
              <a:buAutoNum type="arabicPeriod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Select the number of the defect you wish to review</a:t>
            </a:r>
          </a:p>
          <a:p>
            <a:pPr marL="228600" indent="-228600" algn="just" fontAlgn="base">
              <a:spcAft>
                <a:spcPts val="600"/>
              </a:spcAft>
              <a:buClr>
                <a:srgbClr val="F0AB00"/>
              </a:buClr>
              <a:buSzPct val="100000"/>
              <a:buFont typeface="+mj-lt"/>
              <a:buAutoNum type="arabicPeriod"/>
            </a:pPr>
            <a:r>
              <a:rPr lang="en-AU" sz="1400" b="1" dirty="0">
                <a:latin typeface="Calibri" panose="020F0502020204030204" pitchFamily="34" charset="0"/>
                <a:cs typeface="Calibri" panose="020F0502020204030204" pitchFamily="34" charset="0"/>
              </a:rPr>
              <a:t>Edit</a:t>
            </a: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 allows suppliers to update/add information related to the quality notification.</a:t>
            </a:r>
          </a:p>
          <a:p>
            <a:pPr marL="228600" indent="-228600" algn="just" fontAlgn="base">
              <a:spcAft>
                <a:spcPts val="600"/>
              </a:spcAft>
              <a:buClr>
                <a:srgbClr val="F0AB00"/>
              </a:buClr>
              <a:buSzPct val="100000"/>
              <a:buFont typeface="+mj-lt"/>
              <a:buAutoNum type="arabicPeriod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Click </a:t>
            </a:r>
            <a:r>
              <a:rPr lang="en-AU" sz="1400" b="1" dirty="0">
                <a:latin typeface="Calibri" panose="020F0502020204030204" pitchFamily="34" charset="0"/>
                <a:cs typeface="Calibri" panose="020F0502020204030204" pitchFamily="34" charset="0"/>
              </a:rPr>
              <a:t>Cancel </a:t>
            </a: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to exit the screen.</a:t>
            </a:r>
          </a:p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marL="228600" indent="-228600"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+mj-lt"/>
              <a:buAutoNum type="arabicPeriod"/>
            </a:pPr>
            <a:endParaRPr lang="en-US" sz="14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BF5252ED-A491-466A-8468-29E6895270A1}"/>
              </a:ext>
            </a:extLst>
          </p:cNvPr>
          <p:cNvSpPr/>
          <p:nvPr/>
        </p:nvSpPr>
        <p:spPr bwMode="gray">
          <a:xfrm>
            <a:off x="3848663" y="1943066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B3D943C1-62A8-41BA-8261-4B26B6222E07}"/>
              </a:ext>
            </a:extLst>
          </p:cNvPr>
          <p:cNvSpPr/>
          <p:nvPr/>
        </p:nvSpPr>
        <p:spPr bwMode="gray">
          <a:xfrm>
            <a:off x="3975090" y="1468258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0A7FBB60-CE94-48E1-8CCD-BE9A3F4B487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0883809" y="6074943"/>
            <a:ext cx="1093703" cy="404812"/>
          </a:xfrm>
          <a:prstGeom prst="rect">
            <a:avLst/>
          </a:prstGeom>
          <a:ln>
            <a:noFill/>
          </a:ln>
        </p:spPr>
      </p:pic>
      <p:sp>
        <p:nvSpPr>
          <p:cNvPr id="7" name="Oval 6">
            <a:extLst>
              <a:ext uri="{FF2B5EF4-FFF2-40B4-BE49-F238E27FC236}">
                <a16:creationId xmlns:a16="http://schemas.microsoft.com/office/drawing/2014/main" id="{3BD80D1E-8E47-420C-A85D-0F56BE93CCC5}"/>
              </a:ext>
            </a:extLst>
          </p:cNvPr>
          <p:cNvSpPr/>
          <p:nvPr/>
        </p:nvSpPr>
        <p:spPr bwMode="gray">
          <a:xfrm>
            <a:off x="11430660" y="5965406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ECB8D267-C0F6-4698-A485-DDE946D211C0}"/>
              </a:ext>
            </a:extLst>
          </p:cNvPr>
          <p:cNvSpPr/>
          <p:nvPr/>
        </p:nvSpPr>
        <p:spPr bwMode="gray">
          <a:xfrm>
            <a:off x="10774718" y="5982075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4</a:t>
            </a:r>
          </a:p>
        </p:txBody>
      </p:sp>
    </p:spTree>
    <p:extLst>
      <p:ext uri="{BB962C8B-B14F-4D97-AF65-F5344CB8AC3E}">
        <p14:creationId xmlns:p14="http://schemas.microsoft.com/office/powerpoint/2010/main" val="233712982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13DB6A8-73A2-4D2E-97F9-1F27CC42489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1"/>
            <a:ext cx="11183564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Search and View QN </a:t>
            </a:r>
            <a:br>
              <a:rPr lang="en-US" dirty="0">
                <a:latin typeface="Calibri Light (Headings)"/>
              </a:rPr>
            </a:br>
            <a:r>
              <a:rPr lang="en-US" sz="2100" dirty="0">
                <a:solidFill>
                  <a:schemeClr val="accent1"/>
                </a:solidFill>
                <a:latin typeface="Calibri Light (Headings)"/>
              </a:rPr>
              <a:t>Partner Info and History Tab Screen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89B37B17-AADD-4756-93A0-1F34EF88EC27}"/>
              </a:ext>
            </a:extLst>
          </p:cNvPr>
          <p:cNvSpPr txBox="1"/>
          <p:nvPr/>
        </p:nvSpPr>
        <p:spPr>
          <a:xfrm>
            <a:off x="458786" y="1594209"/>
            <a:ext cx="3138301" cy="34163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 fontAlgn="base">
              <a:spcBef>
                <a:spcPct val="50000"/>
              </a:spcBef>
              <a:spcAft>
                <a:spcPts val="60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rom the QN screen:</a:t>
            </a:r>
          </a:p>
          <a:p>
            <a:pPr marL="342900" indent="-342900" algn="just">
              <a:spcAft>
                <a:spcPts val="600"/>
              </a:spcAft>
              <a:buClr>
                <a:schemeClr val="accent1"/>
              </a:buClr>
              <a:buSzPct val="90000"/>
              <a:buFont typeface="+mj-lt"/>
              <a:buAutoNum type="arabicPeriod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review Partner information in the respective tab.</a:t>
            </a:r>
          </a:p>
          <a:p>
            <a:pPr marL="342900" indent="-342900" algn="just">
              <a:spcAft>
                <a:spcPts val="600"/>
              </a:spcAft>
              <a:buClr>
                <a:schemeClr val="accent1"/>
              </a:buClr>
              <a:buSzPct val="90000"/>
              <a:buFont typeface="+mj-lt"/>
              <a:buAutoNum type="arabicPeriod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review History of QN in the respective tab.</a:t>
            </a:r>
          </a:p>
          <a:p>
            <a:pPr marL="342900" indent="-342900" algn="just">
              <a:spcAft>
                <a:spcPts val="600"/>
              </a:spcAft>
              <a:buClr>
                <a:schemeClr val="accent1"/>
              </a:buClr>
              <a:buSzPct val="90000"/>
              <a:buFont typeface="+mj-lt"/>
              <a:buAutoNum type="arabicPeriod"/>
            </a:pPr>
            <a:r>
              <a:rPr lang="en-AU" sz="1400" b="1" dirty="0">
                <a:latin typeface="Calibri" panose="020F0502020204030204" pitchFamily="34" charset="0"/>
                <a:cs typeface="Calibri" panose="020F0502020204030204" pitchFamily="34" charset="0"/>
              </a:rPr>
              <a:t>Edit</a:t>
            </a: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 allows suppliers to update/enter information related to the quality notification.</a:t>
            </a:r>
          </a:p>
          <a:p>
            <a:pPr marL="342900" indent="-342900" algn="just" fontAlgn="base">
              <a:spcAft>
                <a:spcPts val="600"/>
              </a:spcAft>
              <a:buClr>
                <a:srgbClr val="F0AB00"/>
              </a:buClr>
              <a:buSzPct val="90000"/>
              <a:buFont typeface="+mj-lt"/>
              <a:buAutoNum type="arabicPeriod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Click </a:t>
            </a:r>
            <a:r>
              <a:rPr lang="en-AU" sz="1400" b="1" dirty="0">
                <a:latin typeface="Calibri" panose="020F0502020204030204" pitchFamily="34" charset="0"/>
                <a:cs typeface="Calibri" panose="020F0502020204030204" pitchFamily="34" charset="0"/>
              </a:rPr>
              <a:t>Cancel </a:t>
            </a: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to exit the screen.</a:t>
            </a:r>
          </a:p>
          <a:p>
            <a:pPr algn="just">
              <a:spcAft>
                <a:spcPts val="600"/>
              </a:spcAft>
              <a:buClr>
                <a:schemeClr val="accent1"/>
              </a:buClr>
            </a:pPr>
            <a:endParaRPr lang="en-AU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>
              <a:spcAft>
                <a:spcPts val="600"/>
              </a:spcAft>
            </a:pPr>
            <a:endParaRPr lang="en-AU" sz="1400" b="1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 fontAlgn="base">
              <a:spcAft>
                <a:spcPts val="600"/>
              </a:spcAft>
              <a:buClr>
                <a:srgbClr val="F0AB00"/>
              </a:buClr>
              <a:buSzPct val="80000"/>
            </a:pPr>
            <a:endParaRPr lang="en-US" sz="14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algn="just" fontAlgn="base">
              <a:spcAft>
                <a:spcPts val="600"/>
              </a:spcAft>
              <a:buClr>
                <a:srgbClr val="F0AB00"/>
              </a:buClr>
              <a:buSzPct val="80000"/>
            </a:pPr>
            <a:endParaRPr lang="en-US" sz="14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247AE4D2-BB4A-4D14-AAC0-CB0C48B09C1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387411" y="6134425"/>
            <a:ext cx="1109662" cy="406646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80C66D42-003F-4B13-976B-C548D43686E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470022" y="4731792"/>
            <a:ext cx="9027051" cy="1389100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6A5668AA-2553-4416-A539-9BF25014FAB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30536" y="1128648"/>
            <a:ext cx="5028619" cy="3589611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1A4FEB06-8B8A-4800-862E-57D6B304002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46375" y="904161"/>
            <a:ext cx="274344" cy="323116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EA11EDDD-2DC9-441E-9539-22009895720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114200" y="4560419"/>
            <a:ext cx="274344" cy="329213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1277A0AF-8957-464F-812D-542C427A2EE4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0942242" y="6027140"/>
            <a:ext cx="274344" cy="329213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7ED1D239-5AA7-417C-B8A6-4283AFAA467D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10310538" y="6042926"/>
            <a:ext cx="274344" cy="3292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2728002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F3ED50E-7761-4B12-ACA8-9F161DAAA84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1"/>
            <a:ext cx="11183564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Maintain Quality Notification </a:t>
            </a:r>
            <a:br>
              <a:rPr lang="en-US" dirty="0">
                <a:latin typeface="Calibri Light (Headings)"/>
              </a:rPr>
            </a:br>
            <a:r>
              <a:rPr lang="en-US" sz="2100" dirty="0">
                <a:solidFill>
                  <a:schemeClr val="accent1"/>
                </a:solidFill>
                <a:latin typeface="Calibri Light (Headings)"/>
              </a:rPr>
              <a:t>Details Screen 1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FB77E73D-24B7-4343-87A5-D2554A53C5E4}"/>
              </a:ext>
            </a:extLst>
          </p:cNvPr>
          <p:cNvSpPr txBox="1"/>
          <p:nvPr/>
        </p:nvSpPr>
        <p:spPr>
          <a:xfrm>
            <a:off x="458788" y="1582010"/>
            <a:ext cx="3095625" cy="93871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just" fontAlgn="base">
              <a:spcAft>
                <a:spcPts val="600"/>
              </a:spcAft>
              <a:buClr>
                <a:srgbClr val="F0AB00"/>
              </a:buClr>
              <a:buSzPct val="9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not in editing mode,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dit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marL="342900" indent="-342900" algn="just" fontAlgn="base">
              <a:spcAft>
                <a:spcPts val="600"/>
              </a:spcAft>
              <a:buClr>
                <a:srgbClr val="F0AB00"/>
              </a:buClr>
              <a:buSzPct val="9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elected detail fields are available for the update. </a:t>
            </a: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Confirm, update or enter necessary information. 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BBE4908A-3962-4280-80C2-E32A04E4ADF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429101" y="1053668"/>
            <a:ext cx="7102262" cy="5444197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BCEB00A6-69F3-4DC1-AD72-CDC6E97BAAA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297816" y="712223"/>
            <a:ext cx="952035" cy="320633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873C66A1-8F09-4B41-840F-DFAB34112BEE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773834" y="506936"/>
            <a:ext cx="274344" cy="323116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8B096876-9290-4F2B-B083-9324DD9BADAC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483307" y="1330826"/>
            <a:ext cx="274344" cy="3292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8476658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Agenda items"/>
          <p:cNvSpPr>
            <a:spLocks noGrp="1"/>
          </p:cNvSpPr>
          <p:nvPr>
            <p:ph type="body" sz="quarter" idx="10"/>
          </p:nvPr>
        </p:nvSpPr>
        <p:spPr>
          <a:xfrm>
            <a:off x="458788" y="1144723"/>
            <a:ext cx="5095419" cy="5166487"/>
          </a:xfrm>
          <a:effectLst>
            <a:innerShdw blurRad="63500" dist="50800" dir="13500000">
              <a:schemeClr val="accent1">
                <a:lumMod val="60000"/>
                <a:lumOff val="40000"/>
                <a:alpha val="50000"/>
              </a:schemeClr>
            </a:innerShdw>
          </a:effectLst>
        </p:spPr>
        <p:txBody>
          <a:bodyPr>
            <a:normAutofit/>
          </a:bodyPr>
          <a:lstStyle/>
          <a:p>
            <a:pPr>
              <a:spcBef>
                <a:spcPts val="60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3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Quality Notification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>
              <a:buSzPct val="12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4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Introduction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>
              <a:buSzPct val="12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5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Quality notification workflow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>
              <a:buSzPct val="12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6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Parts of quality notification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>
              <a:buSzPct val="12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7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Different modes of integration</a:t>
            </a:r>
            <a:r>
              <a:rPr lang="pl-PL" sz="1400" dirty="0">
                <a:latin typeface="Calibri" panose="020F0502020204030204" pitchFamily="34" charset="0"/>
                <a:cs typeface="Calibri" panose="020F0502020204030204" pitchFamily="34" charset="0"/>
                <a:hlinkClick r:id="rId7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7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/ automation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8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Buyer Initiated Quality Notification Portal User Interaction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>
              <a:buSzPct val="12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9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Overall considerations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>
              <a:buSzPct val="12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10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Quality tab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>
              <a:buSzPct val="12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11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Quality notification Portal User Interaction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12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earch and view quality notification 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13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Maintain quality notification 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14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Complete and publish quality notification 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2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15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Search and review published quality notification 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lvl="1">
              <a:buSzPct val="12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16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Limitations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lvl="1" indent="0">
              <a:buNone/>
            </a:pPr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" name="Agenda"/>
          <p:cNvSpPr>
            <a:spLocks noGrp="1"/>
          </p:cNvSpPr>
          <p:nvPr>
            <p:ph type="title"/>
          </p:nvPr>
        </p:nvSpPr>
        <p:spPr>
          <a:xfrm>
            <a:off x="458787" y="457200"/>
            <a:ext cx="11183564" cy="369332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Agenda</a:t>
            </a:r>
          </a:p>
        </p:txBody>
      </p:sp>
      <p:sp>
        <p:nvSpPr>
          <p:cNvPr id="5" name="Agenda items">
            <a:extLst>
              <a:ext uri="{FF2B5EF4-FFF2-40B4-BE49-F238E27FC236}">
                <a16:creationId xmlns:a16="http://schemas.microsoft.com/office/drawing/2014/main" id="{600D0F7C-B6E6-451C-9547-B3CACC607422}"/>
              </a:ext>
            </a:extLst>
          </p:cNvPr>
          <p:cNvSpPr txBox="1">
            <a:spLocks/>
          </p:cNvSpPr>
          <p:nvPr/>
        </p:nvSpPr>
        <p:spPr bwMode="black">
          <a:xfrm>
            <a:off x="505458" y="5602690"/>
            <a:ext cx="4449967" cy="75131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marR="0" indent="0" algn="l" defTabSz="1088231" rtl="0" eaLnBrk="1" fontAlgn="auto" latinLnBrk="0" hangingPunct="1">
              <a:lnSpc>
                <a:spcPct val="100000"/>
              </a:lnSpc>
              <a:spcBef>
                <a:spcPts val="2999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marR="0" indent="-179910" algn="l" defTabSz="108823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9820" marR="0" indent="-179298" algn="l" defTabSz="1088231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lang="en-US" sz="1799" kern="1200" baseline="0" noProof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marR="0" indent="-179910" algn="l" defTabSz="1088231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accent2"/>
              </a:buClr>
              <a:buSzPct val="100000"/>
              <a:buFont typeface="Arial" pitchFamily="34" charset="0"/>
              <a:buChar char="–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lvl="1" indent="0">
              <a:lnSpc>
                <a:spcPct val="150000"/>
              </a:lnSpc>
              <a:buNone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  <a:hlinkClick r:id="rId17" action="ppaction://hlinksldjump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Appendix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0" lvl="1" indent="0">
              <a:buNone/>
            </a:pPr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85238594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2C6B243-2C25-4B0F-94EB-631E068BBEC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Maintain Quality Notification </a:t>
            </a:r>
            <a:br>
              <a:rPr lang="en-US" dirty="0">
                <a:latin typeface="Calibri Light (Headings)"/>
              </a:rPr>
            </a:br>
            <a:r>
              <a:rPr lang="en-US" sz="2100" dirty="0">
                <a:solidFill>
                  <a:schemeClr val="accent1"/>
                </a:solidFill>
                <a:latin typeface="Calibri Light (Headings)"/>
              </a:rPr>
              <a:t>Details Screen 2</a:t>
            </a:r>
            <a:endParaRPr lang="en-US" dirty="0">
              <a:latin typeface="Calibri Light (Headings)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08BD341D-407C-47CC-86E3-DEB731147581}"/>
              </a:ext>
            </a:extLst>
          </p:cNvPr>
          <p:cNvSpPr txBox="1"/>
          <p:nvPr/>
        </p:nvSpPr>
        <p:spPr>
          <a:xfrm>
            <a:off x="505458" y="1618804"/>
            <a:ext cx="3095625" cy="13696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just" fontAlgn="base">
              <a:spcAft>
                <a:spcPts val="600"/>
              </a:spcAft>
              <a:buClr>
                <a:srgbClr val="F0AB00"/>
              </a:buClr>
              <a:buSzPct val="90000"/>
              <a:buFont typeface="+mj-lt"/>
              <a:buAutoNum type="arabicPeriod" startAt="4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You can upload files and add web links to the Additional comment section.</a:t>
            </a:r>
          </a:p>
          <a:p>
            <a:pPr marL="342900" indent="-342900" algn="just" fontAlgn="base">
              <a:spcAft>
                <a:spcPts val="600"/>
              </a:spcAft>
              <a:buClr>
                <a:srgbClr val="F0AB00"/>
              </a:buClr>
              <a:buSzPct val="90000"/>
              <a:buFont typeface="+mj-lt"/>
              <a:buAutoNum type="arabicPeriod" startAt="4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You can add or edit Required tasks and Activity Log. More details on this on the following slides.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B16C055F-A016-4E2A-B038-91DC8642537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574585" y="1219798"/>
            <a:ext cx="6573621" cy="5365019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25AA34B3-9B5A-42F6-9D32-92971937025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4585" y="3819805"/>
            <a:ext cx="1012024" cy="286537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72AD0E03-C0A0-4935-A186-760470AFB49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437413" y="1319936"/>
            <a:ext cx="274344" cy="329213"/>
          </a:xfrm>
          <a:prstGeom prst="rect">
            <a:avLst/>
          </a:prstGeom>
        </p:spPr>
      </p:pic>
      <p:pic>
        <p:nvPicPr>
          <p:cNvPr id="18" name="Picture 17">
            <a:extLst>
              <a:ext uri="{FF2B5EF4-FFF2-40B4-BE49-F238E27FC236}">
                <a16:creationId xmlns:a16="http://schemas.microsoft.com/office/drawing/2014/main" id="{B45BA157-29D2-4EC1-A120-6E1A35FFD1D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4585" y="2662645"/>
            <a:ext cx="1012024" cy="286537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7FFA87F9-B985-4E11-8423-C7F3BC8CE21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437413" y="5473595"/>
            <a:ext cx="274344" cy="3292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3283554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8788" y="457201"/>
            <a:ext cx="8737123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tails Section Description 1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504BC402-8E2F-49BA-80A7-406408F8232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058104180"/>
              </p:ext>
            </p:extLst>
          </p:nvPr>
        </p:nvGraphicFramePr>
        <p:xfrm>
          <a:off x="458788" y="1300158"/>
          <a:ext cx="10991869" cy="5045652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2465798">
                  <a:extLst>
                    <a:ext uri="{9D8B030D-6E8A-4147-A177-3AD203B41FA5}">
                      <a16:colId xmlns:a16="http://schemas.microsoft.com/office/drawing/2014/main" val="856660056"/>
                    </a:ext>
                  </a:extLst>
                </a:gridCol>
                <a:gridCol w="4560848">
                  <a:extLst>
                    <a:ext uri="{9D8B030D-6E8A-4147-A177-3AD203B41FA5}">
                      <a16:colId xmlns:a16="http://schemas.microsoft.com/office/drawing/2014/main" val="3880545258"/>
                    </a:ext>
                  </a:extLst>
                </a:gridCol>
                <a:gridCol w="3965223">
                  <a:extLst>
                    <a:ext uri="{9D8B030D-6E8A-4147-A177-3AD203B41FA5}">
                      <a16:colId xmlns:a16="http://schemas.microsoft.com/office/drawing/2014/main" val="1922937538"/>
                    </a:ext>
                  </a:extLst>
                </a:gridCol>
              </a:tblGrid>
              <a:tr h="32311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eld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ourc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90308647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tus</a:t>
                      </a: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b="0" i="0" u="none" strike="noStrike" dirty="0">
                          <a:solidFill>
                            <a:srgbClr val="000000"/>
                          </a:solidFill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ocument status</a:t>
                      </a: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1671408494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account name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Based on PO details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4242275914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pplier part no.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pplier Part Number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om customer` ERP material master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2710784751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part no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Part Number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Based on PO details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951750365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location 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t number and description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Based on PO details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997211882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Quality notification type 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viation scenario key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4257955092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Revision level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Material revision level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Based on PO details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1565824589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iority 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iority for the quality notification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4240146084"/>
                  </a:ext>
                </a:extLst>
              </a:tr>
              <a:tr h="33724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ategory 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ode Group Name </a:t>
                      </a:r>
                      <a:b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</a:b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460569740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bcategory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ode Group Key from assigned catalog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541381083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Malfunction start date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fines a start date and end date for this malfunction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2717899105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Malfunction end date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fines a start date and end date for this malfunction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549735838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iscovery date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ate and time when the defect was discovered.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1077546500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Required start date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 date of notification processing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4058712967"/>
                  </a:ext>
                </a:extLst>
              </a:tr>
              <a:tr h="310654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ue date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End date of notification processing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3211335606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9155715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8787" y="457201"/>
            <a:ext cx="8496000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tails Section Description 2</a:t>
            </a: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504BC402-8E2F-49BA-80A7-406408F8232A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28878833"/>
              </p:ext>
            </p:extLst>
          </p:nvPr>
        </p:nvGraphicFramePr>
        <p:xfrm>
          <a:off x="458787" y="1246382"/>
          <a:ext cx="11062254" cy="5169315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2481588">
                  <a:extLst>
                    <a:ext uri="{9D8B030D-6E8A-4147-A177-3AD203B41FA5}">
                      <a16:colId xmlns:a16="http://schemas.microsoft.com/office/drawing/2014/main" val="856660056"/>
                    </a:ext>
                  </a:extLst>
                </a:gridCol>
                <a:gridCol w="4590052">
                  <a:extLst>
                    <a:ext uri="{9D8B030D-6E8A-4147-A177-3AD203B41FA5}">
                      <a16:colId xmlns:a16="http://schemas.microsoft.com/office/drawing/2014/main" val="3880545258"/>
                    </a:ext>
                  </a:extLst>
                </a:gridCol>
                <a:gridCol w="3990614">
                  <a:extLst>
                    <a:ext uri="{9D8B030D-6E8A-4147-A177-3AD203B41FA5}">
                      <a16:colId xmlns:a16="http://schemas.microsoft.com/office/drawing/2014/main" val="1922937538"/>
                    </a:ext>
                  </a:extLst>
                </a:gridCol>
              </a:tblGrid>
              <a:tr h="35051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eld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ource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390308647"/>
                  </a:ext>
                </a:extLst>
              </a:tr>
              <a:tr h="336997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pplier deviation no. 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pplier document number for the quality notification.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4242275914"/>
                  </a:ext>
                </a:extLst>
              </a:tr>
              <a:tr h="358483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deviation no.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ERP document number of quality notification.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utomatically filled from customer ERP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2710784751"/>
                  </a:ext>
                </a:extLst>
              </a:tr>
              <a:tr h="336997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urchase order no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Referenced procurement document number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utomatically filled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951750365"/>
                  </a:ext>
                </a:extLst>
              </a:tr>
              <a:tr h="336997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urchase order line item no.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Referenced procurement document item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utomatically filled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997211882"/>
                  </a:ext>
                </a:extLst>
              </a:tr>
              <a:tr h="336997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hip notice no.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hip Notice Reference number from Purchase Order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input checked against PO history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4257955092"/>
                  </a:ext>
                </a:extLst>
              </a:tr>
              <a:tr h="358483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hip notice line item no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hip Notice Reference item from Purchase Order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input checked against ASN conten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1565824589"/>
                  </a:ext>
                </a:extLst>
              </a:tr>
              <a:tr h="358483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bcontracting componen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et to subcontract if the defect originated with a subcontracting based scenario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(Yes/No)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4240146084"/>
                  </a:ext>
                </a:extLst>
              </a:tr>
              <a:tr h="336997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batch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Batch number provided by customer 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Based on PO details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460569740"/>
                  </a:ext>
                </a:extLst>
              </a:tr>
              <a:tr h="336997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pplier batch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Batch number provided by supplier 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541381083"/>
                  </a:ext>
                </a:extLst>
              </a:tr>
              <a:tr h="336997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erial no.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erial number of the defective goods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2717899105"/>
                  </a:ext>
                </a:extLst>
              </a:tr>
              <a:tr h="336997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omplaint quantity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he quantity of the item subject to complain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fault order quantity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549735838"/>
                  </a:ext>
                </a:extLst>
              </a:tr>
              <a:tr h="336997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Return quantity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Quantity to be returned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b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numeric inpu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1077546500"/>
                  </a:ext>
                </a:extLst>
              </a:tr>
              <a:tr h="336997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Return date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ate of return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4058712967"/>
                  </a:ext>
                </a:extLst>
              </a:tr>
              <a:tr h="358483"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Return authorization no.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Return Authorization Number information for a line item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extLst>
                  <a:ext uri="{0D108BD9-81ED-4DB2-BD59-A6C34878D82A}">
                    <a16:rowId xmlns:a16="http://schemas.microsoft.com/office/drawing/2014/main" val="3211335606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0372373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8787" y="457200"/>
            <a:ext cx="8496000" cy="677108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Maintain Quality Notification</a:t>
            </a:r>
            <a:br>
              <a:rPr lang="en-US" sz="2800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0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tails Section Description 3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968E6FAC-C66B-46FC-AC1D-12DEE44097E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129688253"/>
              </p:ext>
            </p:extLst>
          </p:nvPr>
        </p:nvGraphicFramePr>
        <p:xfrm>
          <a:off x="458787" y="1567853"/>
          <a:ext cx="10869956" cy="2001079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3196201">
                  <a:extLst>
                    <a:ext uri="{9D8B030D-6E8A-4147-A177-3AD203B41FA5}">
                      <a16:colId xmlns:a16="http://schemas.microsoft.com/office/drawing/2014/main" val="856660056"/>
                    </a:ext>
                  </a:extLst>
                </a:gridCol>
                <a:gridCol w="4477554">
                  <a:extLst>
                    <a:ext uri="{9D8B030D-6E8A-4147-A177-3AD203B41FA5}">
                      <a16:colId xmlns:a16="http://schemas.microsoft.com/office/drawing/2014/main" val="3880545258"/>
                    </a:ext>
                  </a:extLst>
                </a:gridCol>
                <a:gridCol w="3196201">
                  <a:extLst>
                    <a:ext uri="{9D8B030D-6E8A-4147-A177-3AD203B41FA5}">
                      <a16:colId xmlns:a16="http://schemas.microsoft.com/office/drawing/2014/main" val="1922937538"/>
                    </a:ext>
                  </a:extLst>
                </a:gridCol>
              </a:tblGrid>
              <a:tr h="333909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eld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ource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90308647"/>
                  </a:ext>
                </a:extLst>
              </a:tr>
              <a:tr h="25626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Reason cod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General purpose of raising the deviation</a:t>
                      </a:r>
                    </a:p>
                    <a:p>
                      <a:pPr algn="l"/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definable if neede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10784751"/>
                  </a:ext>
                </a:extLst>
              </a:tr>
              <a:tr h="40369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blem description/ Additional commen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tails about notification conten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51750365"/>
                  </a:ext>
                </a:extLst>
              </a:tr>
              <a:tr h="44747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ttachment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les to be attached to Q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ize limi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997211882"/>
                  </a:ext>
                </a:extLst>
              </a:tr>
              <a:tr h="358804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les on the web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URL  to be added to Q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ease check SAP help for allowed domains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870163818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6095778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9" name="Picture 18">
            <a:extLst>
              <a:ext uri="{FF2B5EF4-FFF2-40B4-BE49-F238E27FC236}">
                <a16:creationId xmlns:a16="http://schemas.microsoft.com/office/drawing/2014/main" id="{451B18B6-ADCA-40C2-AAA7-2B8C7031711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770020" y="6022727"/>
            <a:ext cx="1237554" cy="417232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762E774D-ECAC-4E26-AE52-40081BE1E07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387869" y="5682230"/>
            <a:ext cx="827431" cy="549113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FD838DDB-FEB6-4A8C-B9CB-382BFEAEC5D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433117" y="1991550"/>
            <a:ext cx="3884060" cy="1024960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7817F198-DECB-42B6-82C1-33C79F5CE49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387868" y="1509113"/>
            <a:ext cx="1145212" cy="364085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74EC61B9-2CC6-4EC7-AF51-EE8AA99CB91D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312189" y="3218577"/>
            <a:ext cx="7640987" cy="2539049"/>
          </a:xfrm>
          <a:prstGeom prst="rect">
            <a:avLst/>
          </a:prstGeom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FC61BD2A-E2C6-4F7D-9A6A-D2090BF57ED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9557" y="1664487"/>
            <a:ext cx="3035469" cy="4716000"/>
          </a:xfrm>
        </p:spPr>
        <p:txBody>
          <a:bodyPr>
            <a:normAutofit/>
          </a:bodyPr>
          <a:lstStyle/>
          <a:p>
            <a:pPr algn="just">
              <a:spcBef>
                <a:spcPts val="0"/>
              </a:spcBef>
              <a:spcAft>
                <a:spcPts val="600"/>
              </a:spcAft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rom the QN screen: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not in editing mode,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dit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Expand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Required tasks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ection and 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+ Add task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 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Fulfill all mandatory fields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add multiple tasks on the Portal using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+ Add task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butto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click the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bin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icon to delete the task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Once finished, 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Publish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or continue editing. 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285750" indent="-285750" algn="just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3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D07D945-43DC-49A5-9678-F91CDEED90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1"/>
            <a:ext cx="11183564" cy="692497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tails – Required Tasks </a:t>
            </a:r>
            <a:endParaRPr lang="en-US" sz="2100" dirty="0">
              <a:solidFill>
                <a:schemeClr val="accent1"/>
              </a:solidFill>
              <a:latin typeface="Calibri Light (Headings)"/>
            </a:endParaRP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4BBDE5C9-0D60-4418-9CDC-A2139BC0B285}"/>
              </a:ext>
            </a:extLst>
          </p:cNvPr>
          <p:cNvSpPr/>
          <p:nvPr/>
        </p:nvSpPr>
        <p:spPr bwMode="gray">
          <a:xfrm>
            <a:off x="4956961" y="1351549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B08BE333-E85A-491D-97E4-3A664C73E58E}"/>
              </a:ext>
            </a:extLst>
          </p:cNvPr>
          <p:cNvSpPr/>
          <p:nvPr/>
        </p:nvSpPr>
        <p:spPr bwMode="gray">
          <a:xfrm>
            <a:off x="4277068" y="5701372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4</a:t>
            </a: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DE896C5E-CA72-40C7-B9D5-247C8137B900}"/>
              </a:ext>
            </a:extLst>
          </p:cNvPr>
          <p:cNvSpPr/>
          <p:nvPr/>
        </p:nvSpPr>
        <p:spPr bwMode="gray">
          <a:xfrm>
            <a:off x="4202054" y="3424755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E140939C-8147-4229-9E4F-260E8286200B}"/>
              </a:ext>
            </a:extLst>
          </p:cNvPr>
          <p:cNvSpPr/>
          <p:nvPr/>
        </p:nvSpPr>
        <p:spPr bwMode="gray">
          <a:xfrm>
            <a:off x="11423545" y="3227632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5</a:t>
            </a: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B958E246-F15B-418A-862A-FF4671EED842}"/>
              </a:ext>
            </a:extLst>
          </p:cNvPr>
          <p:cNvSpPr/>
          <p:nvPr/>
        </p:nvSpPr>
        <p:spPr bwMode="gray">
          <a:xfrm>
            <a:off x="10330608" y="5870553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6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C593D8BA-4162-4762-9229-43EDD1C9FF1A}"/>
              </a:ext>
            </a:extLst>
          </p:cNvPr>
          <p:cNvSpPr txBox="1"/>
          <p:nvPr/>
        </p:nvSpPr>
        <p:spPr>
          <a:xfrm>
            <a:off x="504309" y="5443636"/>
            <a:ext cx="2772817" cy="107721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Note: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  <a:p>
            <a:pPr marL="285750" indent="-285750"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edit existing tasks in the editing mode.</a:t>
            </a:r>
          </a:p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D1F254E-3B0B-45F4-BBD2-9851B4EA43A5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222991" y="2057311"/>
            <a:ext cx="274344" cy="329213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AFEE9003-FA20-4EE9-9B8B-75693232D2F3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4422321" y="2742152"/>
            <a:ext cx="792979" cy="293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58108892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135C251-E0B4-4377-97EE-DCF51835727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tails – Required Tasks Data Description</a:t>
            </a:r>
            <a:endParaRPr lang="en-US" sz="2100" dirty="0">
              <a:latin typeface="Calibri Light (Headings)"/>
            </a:endParaRPr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18B75EB0-C030-4A70-8B4C-F83D8C3DB11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34793919"/>
              </p:ext>
            </p:extLst>
          </p:nvPr>
        </p:nvGraphicFramePr>
        <p:xfrm>
          <a:off x="505456" y="1447630"/>
          <a:ext cx="11183564" cy="4906371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1621561">
                  <a:extLst>
                    <a:ext uri="{9D8B030D-6E8A-4147-A177-3AD203B41FA5}">
                      <a16:colId xmlns:a16="http://schemas.microsoft.com/office/drawing/2014/main" val="856660056"/>
                    </a:ext>
                  </a:extLst>
                </a:gridCol>
                <a:gridCol w="6044853">
                  <a:extLst>
                    <a:ext uri="{9D8B030D-6E8A-4147-A177-3AD203B41FA5}">
                      <a16:colId xmlns:a16="http://schemas.microsoft.com/office/drawing/2014/main" val="3880545258"/>
                    </a:ext>
                  </a:extLst>
                </a:gridCol>
                <a:gridCol w="3517150">
                  <a:extLst>
                    <a:ext uri="{9D8B030D-6E8A-4147-A177-3AD203B41FA5}">
                      <a16:colId xmlns:a16="http://schemas.microsoft.com/office/drawing/2014/main" val="1922937538"/>
                    </a:ext>
                  </a:extLst>
                </a:gridCol>
              </a:tblGrid>
              <a:tr h="33192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eld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ource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390308647"/>
                  </a:ext>
                </a:extLst>
              </a:tr>
              <a:tr h="33192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itl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Name of the task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42275914"/>
                  </a:ext>
                </a:extLst>
              </a:tr>
              <a:tr h="33192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sk categor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sk grouping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4433447"/>
                  </a:ext>
                </a:extLst>
              </a:tr>
              <a:tr h="33192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sk subcategor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sk subgrouping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1831940"/>
                  </a:ext>
                </a:extLst>
              </a:tr>
              <a:tr h="33192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Optional description of the task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37034253"/>
                  </a:ext>
                </a:extLst>
              </a:tr>
              <a:tr h="33192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 dat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start date for processing this task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960243530"/>
                  </a:ext>
                </a:extLst>
              </a:tr>
              <a:tr h="33192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 tim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start time (in military time) for processing this task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im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594090463"/>
                  </a:ext>
                </a:extLst>
              </a:tr>
              <a:tr h="33192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rget dat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ate when the task should be completed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931898559"/>
                  </a:ext>
                </a:extLst>
              </a:tr>
              <a:tr h="381939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rget tim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ime (specified in military time) when the task should be completed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im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83088753"/>
                  </a:ext>
                </a:extLst>
              </a:tr>
              <a:tr h="381939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tu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sk status. Possible values are New, In Process, and Complete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09603765"/>
                  </a:ext>
                </a:extLst>
              </a:tr>
              <a:tr h="423137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cessor typ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he type of processor. Possible values are Supplier, Customer, or Customer user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Entity of Customer or Supplier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710784751"/>
                  </a:ext>
                </a:extLst>
              </a:tr>
              <a:tr h="53198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cessor ID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he ID of the person or organization responsible for this task. In the case of a supplier, can be the user ID or the SAP Business Network ID (“ANID”)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or Supplier ANI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951750365"/>
                  </a:ext>
                </a:extLst>
              </a:tr>
              <a:tr h="53198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cessor nam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he name of the person or organization responsible for this task. In the case of a supplier, can be the user name or company name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or Supplier ANID name</a:t>
                      </a:r>
                    </a:p>
                    <a:p>
                      <a:pPr algn="l"/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997211882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739506492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6" name="Picture 25">
            <a:extLst>
              <a:ext uri="{FF2B5EF4-FFF2-40B4-BE49-F238E27FC236}">
                <a16:creationId xmlns:a16="http://schemas.microsoft.com/office/drawing/2014/main" id="{50838FCA-CF3A-4089-8839-6035554941B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202231" y="3495854"/>
            <a:ext cx="7845970" cy="2521919"/>
          </a:xfrm>
          <a:prstGeom prst="rect">
            <a:avLst/>
          </a:prstGeom>
        </p:spPr>
      </p:pic>
      <p:sp>
        <p:nvSpPr>
          <p:cNvPr id="11" name="Text Placeholder 1">
            <a:extLst>
              <a:ext uri="{FF2B5EF4-FFF2-40B4-BE49-F238E27FC236}">
                <a16:creationId xmlns:a16="http://schemas.microsoft.com/office/drawing/2014/main" id="{DC714E01-2B6F-401C-B80C-C0F05A1030F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5458" y="1687809"/>
            <a:ext cx="3234301" cy="4714875"/>
          </a:xfrm>
        </p:spPr>
        <p:txBody>
          <a:bodyPr>
            <a:normAutofit/>
          </a:bodyPr>
          <a:lstStyle/>
          <a:p>
            <a:pPr algn="just">
              <a:spcBef>
                <a:spcPts val="0"/>
              </a:spcBef>
              <a:spcAft>
                <a:spcPts val="600"/>
              </a:spcAft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rom the QN screen: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not in editing mode,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dit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Expand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Activity log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ection and 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+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Add activity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 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Fulfill all mandatory fields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add multiple tasks on the Portal using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+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Add activity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butto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If you wish to delete the activity, click the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bin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ico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Once completed, 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Publish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or continue by adding activity log.</a:t>
            </a:r>
          </a:p>
          <a:p>
            <a:pPr marL="285750" indent="-285750" algn="just">
              <a:buFont typeface="Arial" panose="020B0604020202020204" pitchFamily="34" charset="0"/>
              <a:buChar char="•"/>
            </a:pPr>
            <a:endParaRPr lang="en-US" sz="13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D07D945-43DC-49A5-9678-F91CDEED90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tails - Activity Log</a:t>
            </a:r>
            <a:endParaRPr lang="en-US" sz="2100" dirty="0">
              <a:solidFill>
                <a:schemeClr val="accent1"/>
              </a:solidFill>
              <a:latin typeface="Calibri Light (Headings)"/>
            </a:endParaRP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F547D0EE-14FE-4267-AA47-3C0DB3472C52}"/>
              </a:ext>
            </a:extLst>
          </p:cNvPr>
          <p:cNvSpPr/>
          <p:nvPr/>
        </p:nvSpPr>
        <p:spPr bwMode="gray">
          <a:xfrm>
            <a:off x="5373880" y="2925341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8C252C87-A264-4C4A-8C44-9B0BB78C5D6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783015" y="5982546"/>
            <a:ext cx="1407995" cy="328532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F5403859-3240-4A77-8A7B-39A51C4D541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259578" y="2208785"/>
            <a:ext cx="4429616" cy="1115656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A13ED9DE-470D-489E-93FB-8BCE5FB5D9A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259578" y="1798198"/>
            <a:ext cx="1145212" cy="364085"/>
          </a:xfrm>
          <a:prstGeom prst="rect">
            <a:avLst/>
          </a:prstGeom>
        </p:spPr>
      </p:pic>
      <p:sp>
        <p:nvSpPr>
          <p:cNvPr id="24" name="Oval 23">
            <a:extLst>
              <a:ext uri="{FF2B5EF4-FFF2-40B4-BE49-F238E27FC236}">
                <a16:creationId xmlns:a16="http://schemas.microsoft.com/office/drawing/2014/main" id="{BD5598DA-1507-4A3C-8E4A-0E1AC795EC6F}"/>
              </a:ext>
            </a:extLst>
          </p:cNvPr>
          <p:cNvSpPr/>
          <p:nvPr/>
        </p:nvSpPr>
        <p:spPr bwMode="gray">
          <a:xfrm>
            <a:off x="11470013" y="3495854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5</a:t>
            </a: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0378BBC5-706B-4810-8F09-2A36B8E47304}"/>
              </a:ext>
            </a:extLst>
          </p:cNvPr>
          <p:cNvSpPr/>
          <p:nvPr/>
        </p:nvSpPr>
        <p:spPr bwMode="gray">
          <a:xfrm>
            <a:off x="4142341" y="2353552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3CEF99BA-2407-42E7-9F6A-531352698F9E}"/>
              </a:ext>
            </a:extLst>
          </p:cNvPr>
          <p:cNvSpPr/>
          <p:nvPr/>
        </p:nvSpPr>
        <p:spPr bwMode="gray">
          <a:xfrm>
            <a:off x="4722051" y="1659082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231D0F6C-C26B-4B80-8DB4-3621BEC094E1}"/>
              </a:ext>
            </a:extLst>
          </p:cNvPr>
          <p:cNvSpPr/>
          <p:nvPr/>
        </p:nvSpPr>
        <p:spPr bwMode="gray">
          <a:xfrm>
            <a:off x="3981965" y="3602454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399B52DE-D132-4135-8DFF-38DFCA061A3E}"/>
              </a:ext>
            </a:extLst>
          </p:cNvPr>
          <p:cNvSpPr/>
          <p:nvPr/>
        </p:nvSpPr>
        <p:spPr bwMode="gray">
          <a:xfrm>
            <a:off x="4063354" y="5667982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4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3E518924-6140-4604-966D-75D38AAB8706}"/>
              </a:ext>
            </a:extLst>
          </p:cNvPr>
          <p:cNvSpPr txBox="1"/>
          <p:nvPr/>
        </p:nvSpPr>
        <p:spPr>
          <a:xfrm>
            <a:off x="598232" y="5502216"/>
            <a:ext cx="2772817" cy="107721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Note: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  <a:p>
            <a:pPr marL="285750" indent="-285750"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edit existing activities in the editing mode.</a:t>
            </a:r>
          </a:p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 kern="0" dirty="0" err="1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9D959E1D-371C-4284-8841-C223EA9CE027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4365868" y="3028253"/>
            <a:ext cx="798645" cy="292633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10C2B1A5-8E3D-4EDE-9668-D435FE23D91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10436056" y="5771762"/>
            <a:ext cx="274344" cy="3231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7144374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135C251-E0B4-4377-97EE-DCF51835727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tails – Activity Log Data Description</a:t>
            </a:r>
            <a:endParaRPr lang="en-US" sz="2100" dirty="0">
              <a:latin typeface="Calibri Light (Headings)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B4ECE120-33E9-4E02-B2A3-D4BD689DEC8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7108364"/>
              </p:ext>
            </p:extLst>
          </p:nvPr>
        </p:nvGraphicFramePr>
        <p:xfrm>
          <a:off x="505457" y="1580015"/>
          <a:ext cx="11183563" cy="3219894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2338015">
                  <a:extLst>
                    <a:ext uri="{9D8B030D-6E8A-4147-A177-3AD203B41FA5}">
                      <a16:colId xmlns:a16="http://schemas.microsoft.com/office/drawing/2014/main" val="856660056"/>
                    </a:ext>
                  </a:extLst>
                </a:gridCol>
                <a:gridCol w="4789232">
                  <a:extLst>
                    <a:ext uri="{9D8B030D-6E8A-4147-A177-3AD203B41FA5}">
                      <a16:colId xmlns:a16="http://schemas.microsoft.com/office/drawing/2014/main" val="3880545258"/>
                    </a:ext>
                  </a:extLst>
                </a:gridCol>
                <a:gridCol w="4056316">
                  <a:extLst>
                    <a:ext uri="{9D8B030D-6E8A-4147-A177-3AD203B41FA5}">
                      <a16:colId xmlns:a16="http://schemas.microsoft.com/office/drawing/2014/main" val="1922937538"/>
                    </a:ext>
                  </a:extLst>
                </a:gridCol>
              </a:tblGrid>
              <a:tr h="35776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eld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ource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390308647"/>
                  </a:ext>
                </a:extLst>
              </a:tr>
              <a:tr h="35776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it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Name of the activity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42275914"/>
                  </a:ext>
                </a:extLst>
              </a:tr>
              <a:tr h="35776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ctivity categ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ctivity grouping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4433447"/>
                  </a:ext>
                </a:extLst>
              </a:tr>
              <a:tr h="35776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ctivity subcateg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ctivity subgrouping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1831940"/>
                  </a:ext>
                </a:extLst>
              </a:tr>
              <a:tr h="35776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Optional description of the activity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37034253"/>
                  </a:ext>
                </a:extLst>
              </a:tr>
              <a:tr h="35776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 d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start date for this activity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960243530"/>
                  </a:ext>
                </a:extLst>
              </a:tr>
              <a:tr h="35776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start time (in military time) for this activity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im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594090463"/>
                  </a:ext>
                </a:extLst>
              </a:tr>
              <a:tr h="35776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End d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end date for this activity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931898559"/>
                  </a:ext>
                </a:extLst>
              </a:tr>
              <a:tr h="35776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E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end time (in military time) for this activity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im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8308875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85013554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135C251-E0B4-4377-97EE-DCF51835727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fects Data Description</a:t>
            </a:r>
            <a:endParaRPr lang="en-US" sz="2100" dirty="0">
              <a:latin typeface="Calibri Light (Headings)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75602B08-BEAC-4E22-8003-96E220C01FC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6658318"/>
              </p:ext>
            </p:extLst>
          </p:nvPr>
        </p:nvGraphicFramePr>
        <p:xfrm>
          <a:off x="505456" y="1622056"/>
          <a:ext cx="11040431" cy="2045400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2308092">
                  <a:extLst>
                    <a:ext uri="{9D8B030D-6E8A-4147-A177-3AD203B41FA5}">
                      <a16:colId xmlns:a16="http://schemas.microsoft.com/office/drawing/2014/main" val="856660056"/>
                    </a:ext>
                  </a:extLst>
                </a:gridCol>
                <a:gridCol w="4727937">
                  <a:extLst>
                    <a:ext uri="{9D8B030D-6E8A-4147-A177-3AD203B41FA5}">
                      <a16:colId xmlns:a16="http://schemas.microsoft.com/office/drawing/2014/main" val="3880545258"/>
                    </a:ext>
                  </a:extLst>
                </a:gridCol>
                <a:gridCol w="4004402">
                  <a:extLst>
                    <a:ext uri="{9D8B030D-6E8A-4147-A177-3AD203B41FA5}">
                      <a16:colId xmlns:a16="http://schemas.microsoft.com/office/drawing/2014/main" val="1922937538"/>
                    </a:ext>
                  </a:extLst>
                </a:gridCol>
              </a:tblGrid>
              <a:tr h="34090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eld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Valida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390308647"/>
                  </a:ext>
                </a:extLst>
              </a:tr>
              <a:tr h="34090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itl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Name of the defect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42275914"/>
                  </a:ext>
                </a:extLst>
              </a:tr>
              <a:tr h="34090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Number of defect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Quantity of items subject to complaints or defects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numeric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4433447"/>
                  </a:ext>
                </a:extLst>
              </a:tr>
              <a:tr h="34090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fect categor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fect grouping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1831940"/>
                  </a:ext>
                </a:extLst>
              </a:tr>
              <a:tr h="340900"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fect subcategor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fect subgrouping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37034253"/>
                  </a:ext>
                </a:extLst>
              </a:tr>
              <a:tr h="34090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Optional description of the defect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960243530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921928763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" name="Picture 17">
            <a:extLst>
              <a:ext uri="{FF2B5EF4-FFF2-40B4-BE49-F238E27FC236}">
                <a16:creationId xmlns:a16="http://schemas.microsoft.com/office/drawing/2014/main" id="{B65BF128-7F79-477B-A189-F3E47D44CC8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05337" y="1746738"/>
            <a:ext cx="1147216" cy="409198"/>
          </a:xfrm>
          <a:prstGeom prst="rect">
            <a:avLst/>
          </a:prstGeom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FC61BD2A-E2C6-4F7D-9A6A-D2090BF57ED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5458" y="1801391"/>
            <a:ext cx="4397281" cy="2760881"/>
          </a:xfrm>
        </p:spPr>
        <p:txBody>
          <a:bodyPr>
            <a:normAutofit/>
          </a:bodyPr>
          <a:lstStyle/>
          <a:p>
            <a:pPr algn="just">
              <a:spcBef>
                <a:spcPts val="0"/>
              </a:spcBef>
              <a:spcAft>
                <a:spcPts val="600"/>
              </a:spcAft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rom the QN/ Defects screen: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not in editing mode,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dit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there are multiple defects, select the one you want to edit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pand Causes section and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+ Add cause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ulfill all mandatory fields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You can create multiple causes by clicking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+Add cause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utto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you wish to remove the cause, click the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in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ico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you wish to submit,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ublish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 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endParaRPr lang="en-US" sz="14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285750" indent="-285750" algn="just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D07D945-43DC-49A5-9678-F91CDEED90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fects – Causes</a:t>
            </a:r>
            <a:endParaRPr lang="en-US" sz="2000" dirty="0">
              <a:solidFill>
                <a:schemeClr val="accent1"/>
              </a:solidFill>
              <a:latin typeface="Calibri Light (Headings)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CA8C71F2-7B27-4920-8E8F-9A826090F8B8}"/>
              </a:ext>
            </a:extLst>
          </p:cNvPr>
          <p:cNvSpPr/>
          <p:nvPr/>
        </p:nvSpPr>
        <p:spPr bwMode="gray">
          <a:xfrm>
            <a:off x="7728897" y="1577049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1C76EF6-555C-4B94-BAB7-AF2D2EC2E75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881182" y="6250967"/>
            <a:ext cx="1212225" cy="374688"/>
          </a:xfrm>
          <a:prstGeom prst="rect">
            <a:avLst/>
          </a:prstGeom>
        </p:spPr>
      </p:pic>
      <p:sp>
        <p:nvSpPr>
          <p:cNvPr id="22" name="TextBox 21">
            <a:extLst>
              <a:ext uri="{FF2B5EF4-FFF2-40B4-BE49-F238E27FC236}">
                <a16:creationId xmlns:a16="http://schemas.microsoft.com/office/drawing/2014/main" id="{182848E6-EFC4-4BF1-A5E0-39810C322797}"/>
              </a:ext>
            </a:extLst>
          </p:cNvPr>
          <p:cNvSpPr txBox="1"/>
          <p:nvPr/>
        </p:nvSpPr>
        <p:spPr>
          <a:xfrm>
            <a:off x="505456" y="4965456"/>
            <a:ext cx="4156065" cy="53860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Note: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  <a:p>
            <a:pPr marL="285750" indent="-285750"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edit existing causes in the editing mode.</a:t>
            </a: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525FCA8B-5C8D-4B1B-867E-6D3629836D6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693741" y="2207708"/>
            <a:ext cx="2558812" cy="1080834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18509E8A-8769-4EA7-892F-FDCC8E773D2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693741" y="3408218"/>
            <a:ext cx="3071653" cy="1249311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C050B59D-CC38-4811-B190-81221D2F708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348200" y="4703327"/>
            <a:ext cx="6644448" cy="1461358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B73C3168-2FCE-4470-8321-EAF740DE86D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659947" y="2655368"/>
            <a:ext cx="274344" cy="329213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BEE0714D-5EA0-4C62-942C-7829BF59D0AD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5467811" y="4287832"/>
            <a:ext cx="274344" cy="329213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24ED8CC6-5F50-4149-A67B-12F5298801E8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5211028" y="4827677"/>
            <a:ext cx="274344" cy="323116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9067DDD6-2600-4ED9-818C-4D4D3F64E0AC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142442" y="5856029"/>
            <a:ext cx="274344" cy="329213"/>
          </a:xfrm>
          <a:prstGeom prst="rect">
            <a:avLst/>
          </a:prstGeom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0DE49C27-34C3-42DF-B0BD-53C0841D5BD1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11485181" y="4586110"/>
            <a:ext cx="274344" cy="323116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2595EF6C-6869-4627-B3C0-049A0CD34D3D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10471481" y="6042674"/>
            <a:ext cx="274344" cy="3231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4419747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"/>
          <p:cNvSpPr>
            <a:spLocks noGrp="1"/>
          </p:cNvSpPr>
          <p:nvPr>
            <p:ph type="ctrTitle"/>
          </p:nvPr>
        </p:nvSpPr>
        <p:spPr>
          <a:xfrm>
            <a:off x="458787" y="457200"/>
            <a:ext cx="11182288" cy="677108"/>
          </a:xfrm>
        </p:spPr>
        <p:txBody>
          <a:bodyPr/>
          <a:lstStyle/>
          <a:p>
            <a:r>
              <a:rPr lang="en-US" sz="2400" dirty="0">
                <a:solidFill>
                  <a:schemeClr val="accent1"/>
                </a:solidFill>
                <a:latin typeface="Calibri Light (Headings)"/>
              </a:rPr>
              <a:t>Quality Notification</a:t>
            </a:r>
            <a:br>
              <a:rPr lang="en-US" sz="2400" dirty="0">
                <a:solidFill>
                  <a:srgbClr val="FFC000"/>
                </a:solidFill>
                <a:latin typeface="Calibri Light (Headings)"/>
              </a:rPr>
            </a:br>
            <a:r>
              <a:rPr lang="en-US" sz="2400" dirty="0">
                <a:latin typeface="Calibri Light (Headings)"/>
              </a:rPr>
              <a:t>In this Chapter You Will Learn About …</a:t>
            </a:r>
            <a:endParaRPr lang="en-US" sz="2400" dirty="0">
              <a:solidFill>
                <a:srgbClr val="FFC000"/>
              </a:solidFill>
              <a:latin typeface="Calibri Light (Headings)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10CAE891-16F3-405E-AA2D-6982F8843F60}"/>
              </a:ext>
            </a:extLst>
          </p:cNvPr>
          <p:cNvSpPr txBox="1"/>
          <p:nvPr/>
        </p:nvSpPr>
        <p:spPr>
          <a:xfrm>
            <a:off x="458787" y="1609325"/>
            <a:ext cx="4079643" cy="80021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60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… the benefits of using quality notification</a:t>
            </a:r>
          </a:p>
          <a:p>
            <a:pPr>
              <a:spcBef>
                <a:spcPts val="60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… the components of quality notification</a:t>
            </a:r>
          </a:p>
          <a:p>
            <a:pPr>
              <a:spcBef>
                <a:spcPts val="60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… the available integration modes of quality notification</a:t>
            </a:r>
          </a:p>
        </p:txBody>
      </p:sp>
    </p:spTree>
    <p:extLst>
      <p:ext uri="{BB962C8B-B14F-4D97-AF65-F5344CB8AC3E}">
        <p14:creationId xmlns:p14="http://schemas.microsoft.com/office/powerpoint/2010/main" val="2484696425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135C251-E0B4-4377-97EE-DCF51835727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fects Causes Data Description</a:t>
            </a:r>
            <a:endParaRPr lang="en-US" sz="2100" dirty="0">
              <a:latin typeface="Calibri Light (Headings)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135A06F4-6685-44C7-AC8E-3A608877C10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716464170"/>
              </p:ext>
            </p:extLst>
          </p:nvPr>
        </p:nvGraphicFramePr>
        <p:xfrm>
          <a:off x="437793" y="1682444"/>
          <a:ext cx="11251228" cy="1946580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2352161">
                  <a:extLst>
                    <a:ext uri="{9D8B030D-6E8A-4147-A177-3AD203B41FA5}">
                      <a16:colId xmlns:a16="http://schemas.microsoft.com/office/drawing/2014/main" val="856660056"/>
                    </a:ext>
                  </a:extLst>
                </a:gridCol>
                <a:gridCol w="4818209">
                  <a:extLst>
                    <a:ext uri="{9D8B030D-6E8A-4147-A177-3AD203B41FA5}">
                      <a16:colId xmlns:a16="http://schemas.microsoft.com/office/drawing/2014/main" val="3880545258"/>
                    </a:ext>
                  </a:extLst>
                </a:gridCol>
                <a:gridCol w="4080858">
                  <a:extLst>
                    <a:ext uri="{9D8B030D-6E8A-4147-A177-3AD203B41FA5}">
                      <a16:colId xmlns:a16="http://schemas.microsoft.com/office/drawing/2014/main" val="1922937538"/>
                    </a:ext>
                  </a:extLst>
                </a:gridCol>
              </a:tblGrid>
              <a:tr h="38931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eld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Valida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390308647"/>
                  </a:ext>
                </a:extLst>
              </a:tr>
              <a:tr h="38931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it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Name of the cause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42275914"/>
                  </a:ext>
                </a:extLst>
              </a:tr>
              <a:tr h="38931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ause categ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ause grouping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4433447"/>
                  </a:ext>
                </a:extLst>
              </a:tr>
              <a:tr h="389316"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ause subcateg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ause subgrouping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1831940"/>
                  </a:ext>
                </a:extLst>
              </a:tr>
              <a:tr h="389316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Optional description of the cause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3703425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324457146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9" name="Picture 28">
            <a:extLst>
              <a:ext uri="{FF2B5EF4-FFF2-40B4-BE49-F238E27FC236}">
                <a16:creationId xmlns:a16="http://schemas.microsoft.com/office/drawing/2014/main" id="{A15266CB-533E-4918-AF7F-07E737F9B05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942745" y="1474398"/>
            <a:ext cx="1147216" cy="409198"/>
          </a:xfrm>
          <a:prstGeom prst="rect">
            <a:avLst/>
          </a:prstGeom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FC61BD2A-E2C6-4F7D-9A6A-D2090BF57ED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49435" y="1719757"/>
            <a:ext cx="4703501" cy="3114889"/>
          </a:xfrm>
        </p:spPr>
        <p:txBody>
          <a:bodyPr>
            <a:noAutofit/>
          </a:bodyPr>
          <a:lstStyle/>
          <a:p>
            <a:pPr algn="just">
              <a:spcBef>
                <a:spcPts val="0"/>
              </a:spcBef>
              <a:spcAft>
                <a:spcPts val="600"/>
              </a:spcAft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rom the QN/ Defects screen: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not in editing mode,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dit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there are multiple defects, select the one you want to edit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pand Additional Impacted Batches section and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+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Add line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ulfill all mandatory fields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You can create multiple lines by clicking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+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Add line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utto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you wish to remove the line, click the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in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ico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you wish to submit,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ublish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 </a:t>
            </a: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465660" lvl="1" indent="-285750" algn="just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D07D945-43DC-49A5-9678-F91CDEED90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0"/>
            <a:ext cx="11183564" cy="677108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z="2800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0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fects - </a:t>
            </a:r>
            <a:r>
              <a:rPr lang="en-US" sz="2000" dirty="0">
                <a:solidFill>
                  <a:schemeClr val="accent1"/>
                </a:solidFill>
                <a:latin typeface="Calibri Light (Headings)"/>
              </a:rPr>
              <a:t>Additional Impacted Batches </a:t>
            </a:r>
          </a:p>
        </p:txBody>
      </p:sp>
      <p:pic>
        <p:nvPicPr>
          <p:cNvPr id="30" name="Picture 29">
            <a:extLst>
              <a:ext uri="{FF2B5EF4-FFF2-40B4-BE49-F238E27FC236}">
                <a16:creationId xmlns:a16="http://schemas.microsoft.com/office/drawing/2014/main" id="{88E749B0-5889-4B50-B9BB-DE1E6D50789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752944" y="5993548"/>
            <a:ext cx="1212225" cy="374688"/>
          </a:xfrm>
          <a:prstGeom prst="rect">
            <a:avLst/>
          </a:prstGeom>
        </p:spPr>
      </p:pic>
      <p:sp>
        <p:nvSpPr>
          <p:cNvPr id="23" name="TextBox 22">
            <a:extLst>
              <a:ext uri="{FF2B5EF4-FFF2-40B4-BE49-F238E27FC236}">
                <a16:creationId xmlns:a16="http://schemas.microsoft.com/office/drawing/2014/main" id="{BF57DC13-EE91-4AB1-9AD5-1F336A2E5CC4}"/>
              </a:ext>
            </a:extLst>
          </p:cNvPr>
          <p:cNvSpPr txBox="1"/>
          <p:nvPr/>
        </p:nvSpPr>
        <p:spPr>
          <a:xfrm>
            <a:off x="663899" y="5014756"/>
            <a:ext cx="4042384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Note: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  <a:p>
            <a:pPr marL="285750" indent="-285750"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edit existing lines in the editing mode.</a:t>
            </a:r>
          </a:p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 kern="0" dirty="0" err="1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838AA843-F428-43AB-BD85-859AD992C1B2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535997" y="1931108"/>
            <a:ext cx="2560542" cy="1079086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A6FF8AFA-5B8C-4991-8347-5EE9A14CCBF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535998" y="3057706"/>
            <a:ext cx="5174632" cy="1459090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876F9115-6945-4739-90AE-D64CD4AE376B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535997" y="4541003"/>
            <a:ext cx="6433486" cy="140038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5B5E4C08-79CF-4808-8778-8DA4D1247CE5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7516353" y="1288875"/>
            <a:ext cx="274344" cy="323116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9578F8F2-A6D2-4E6F-9E02-83ED2C70B3F0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5540885" y="2376381"/>
            <a:ext cx="274344" cy="32311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9CD42705-0603-4038-866C-44B5F68B528A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5261653" y="4199933"/>
            <a:ext cx="274344" cy="323116"/>
          </a:xfrm>
          <a:prstGeom prst="rect">
            <a:avLst/>
          </a:prstGeom>
        </p:spPr>
      </p:pic>
      <p:pic>
        <p:nvPicPr>
          <p:cNvPr id="16" name="Picture 15">
            <a:extLst>
              <a:ext uri="{FF2B5EF4-FFF2-40B4-BE49-F238E27FC236}">
                <a16:creationId xmlns:a16="http://schemas.microsoft.com/office/drawing/2014/main" id="{80423791-36E1-41D8-BBF9-3EFF1AC4096F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376618" y="5020853"/>
            <a:ext cx="274344" cy="323116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D5E05ECE-7EB8-43D2-BC82-039BAF282AF3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5319136" y="5644353"/>
            <a:ext cx="274344" cy="323116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A22825AA-140B-4E8D-B11E-7FBFCC9F09C5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11611380" y="5014756"/>
            <a:ext cx="274344" cy="329213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4D9ECE09-26B1-4A90-B34B-FCDF4EC73489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11337036" y="5789823"/>
            <a:ext cx="274344" cy="3292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2179147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135C251-E0B4-4377-97EE-DCF51835727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fects - </a:t>
            </a:r>
            <a:r>
              <a:rPr lang="en-US" sz="2100" dirty="0">
                <a:solidFill>
                  <a:schemeClr val="accent1"/>
                </a:solidFill>
                <a:latin typeface="Calibri Light (Headings)"/>
              </a:rPr>
              <a:t>Additional Impacted Batches </a:t>
            </a: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ata Description</a:t>
            </a:r>
            <a:endParaRPr lang="en-US" sz="2100" dirty="0">
              <a:latin typeface="Calibri Light (Headings)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00393A3A-29D3-48F9-A8C0-E8FFF8120D9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78747566"/>
              </p:ext>
            </p:extLst>
          </p:nvPr>
        </p:nvGraphicFramePr>
        <p:xfrm>
          <a:off x="505456" y="1607038"/>
          <a:ext cx="11040431" cy="1964838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2308092">
                  <a:extLst>
                    <a:ext uri="{9D8B030D-6E8A-4147-A177-3AD203B41FA5}">
                      <a16:colId xmlns:a16="http://schemas.microsoft.com/office/drawing/2014/main" val="856660056"/>
                    </a:ext>
                  </a:extLst>
                </a:gridCol>
                <a:gridCol w="4727937">
                  <a:extLst>
                    <a:ext uri="{9D8B030D-6E8A-4147-A177-3AD203B41FA5}">
                      <a16:colId xmlns:a16="http://schemas.microsoft.com/office/drawing/2014/main" val="3880545258"/>
                    </a:ext>
                  </a:extLst>
                </a:gridCol>
                <a:gridCol w="4004402">
                  <a:extLst>
                    <a:ext uri="{9D8B030D-6E8A-4147-A177-3AD203B41FA5}">
                      <a16:colId xmlns:a16="http://schemas.microsoft.com/office/drawing/2014/main" val="1922937538"/>
                    </a:ext>
                  </a:extLst>
                </a:gridCol>
              </a:tblGrid>
              <a:tr h="32747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eld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Valida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390308647"/>
                  </a:ext>
                </a:extLst>
              </a:tr>
              <a:tr h="32747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pplier part no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pplier Part Number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 checked against order detail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42275914"/>
                  </a:ext>
                </a:extLst>
              </a:tr>
              <a:tr h="32747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part no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Part Number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utomatically filled based on order detail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396394475"/>
                  </a:ext>
                </a:extLst>
              </a:tr>
              <a:tr h="327473"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locatio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t number and description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 checked against order detail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4433447"/>
                  </a:ext>
                </a:extLst>
              </a:tr>
              <a:tr h="32747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batch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Batch number provided by customer 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 checked against order detail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1831940"/>
                  </a:ext>
                </a:extLst>
              </a:tr>
              <a:tr h="32747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pplier batch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 fontAlgn="b"/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Batch number provided by supplier </a:t>
                      </a:r>
                      <a:endParaRPr lang="en-US" sz="1200" b="0" i="0" u="none" strike="noStrike" dirty="0">
                        <a:solidFill>
                          <a:srgbClr val="000000"/>
                        </a:solidFill>
                        <a:effectLst/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marL="7620" marR="7620" marT="7620" marB="0"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 checked against order details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3703425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482414414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Picture 26">
            <a:extLst>
              <a:ext uri="{FF2B5EF4-FFF2-40B4-BE49-F238E27FC236}">
                <a16:creationId xmlns:a16="http://schemas.microsoft.com/office/drawing/2014/main" id="{3D9A9372-7648-4EE1-9B80-064AA372BEC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775453" y="1147653"/>
            <a:ext cx="1147216" cy="409198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ED07D945-43DC-49A5-9678-F91CDEED90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 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fects –</a:t>
            </a:r>
            <a:r>
              <a:rPr lang="en-US" sz="2100" spc="50" dirty="0">
                <a:latin typeface="Calibri Light (Headings)"/>
                <a:cs typeface="Arial" panose="020B0604020202020204" pitchFamily="34" charset="0"/>
              </a:rPr>
              <a:t> </a:t>
            </a: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Required Tasks</a:t>
            </a:r>
            <a:endParaRPr lang="en-US" sz="2000" dirty="0">
              <a:solidFill>
                <a:schemeClr val="accent1"/>
              </a:solidFill>
              <a:latin typeface="Calibri Light (Headings)"/>
            </a:endParaRPr>
          </a:p>
        </p:txBody>
      </p:sp>
      <p:sp>
        <p:nvSpPr>
          <p:cNvPr id="11" name="Text Placeholder 1">
            <a:extLst>
              <a:ext uri="{FF2B5EF4-FFF2-40B4-BE49-F238E27FC236}">
                <a16:creationId xmlns:a16="http://schemas.microsoft.com/office/drawing/2014/main" id="{86D18AB1-7401-4D72-8E77-A75FFA1F77E4}"/>
              </a:ext>
            </a:extLst>
          </p:cNvPr>
          <p:cNvSpPr txBox="1">
            <a:spLocks/>
          </p:cNvSpPr>
          <p:nvPr/>
        </p:nvSpPr>
        <p:spPr bwMode="black">
          <a:xfrm>
            <a:off x="505459" y="1798687"/>
            <a:ext cx="4552516" cy="2777677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just">
              <a:spcBef>
                <a:spcPts val="0"/>
              </a:spcBef>
              <a:spcAft>
                <a:spcPts val="600"/>
              </a:spcAft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rom the QN/ Defects screen: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not in editing mode,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dit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there are multiple defects, select the one you want to edit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pand Required tasks section and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+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Add task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ulfill all mandatory fields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You can create multiple lines by clicking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+ Add task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utto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you wish to remove the task, click the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in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ico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you wish to submit,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ublish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 </a:t>
            </a: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285750" indent="-285750" algn="just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23838E9C-D6E8-44B2-AD98-551989EC7C9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671474" y="6401618"/>
            <a:ext cx="1212225" cy="374688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58932D1C-F9A1-4C01-B4E1-CD6CB018A6E7}"/>
              </a:ext>
            </a:extLst>
          </p:cNvPr>
          <p:cNvSpPr txBox="1"/>
          <p:nvPr/>
        </p:nvSpPr>
        <p:spPr>
          <a:xfrm>
            <a:off x="505457" y="4879982"/>
            <a:ext cx="4002599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Note: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  <a:p>
            <a:pPr marL="285750" indent="-285750"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edit existing tasks in the editing mode.</a:t>
            </a:r>
          </a:p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 kern="0" dirty="0" err="1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FFD22D40-0751-49D0-B7B0-C5271A14F1F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664323" y="1588089"/>
            <a:ext cx="2258346" cy="951732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CD15B985-8E0C-4B65-B055-418127AFBA6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664323" y="2571059"/>
            <a:ext cx="2789081" cy="1042975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8143F0ED-8C6A-4800-B2BE-AB6353FE61A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247235" y="3645272"/>
            <a:ext cx="6797251" cy="272510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A33429D5-1EE8-4B68-A06C-F895F1C2E52A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5642116" y="1925021"/>
            <a:ext cx="274344" cy="323116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625C417B-78F5-49B2-9C1A-9245B59F6126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5508314" y="3279728"/>
            <a:ext cx="274344" cy="32311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698031B5-DB6D-4686-8699-ADB1F104B1BF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5233970" y="3763157"/>
            <a:ext cx="274344" cy="329213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564CFE96-CAE9-449D-8B74-67E7378757F4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039011" y="6083595"/>
            <a:ext cx="274344" cy="329213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1EC25009-A40C-4E8D-A22B-70913FA445E3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11551849" y="3930812"/>
            <a:ext cx="274344" cy="323116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D56264F3-28D5-4204-B43A-9BA65E598483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10274562" y="6192441"/>
            <a:ext cx="274344" cy="323116"/>
          </a:xfrm>
          <a:prstGeom prst="rect">
            <a:avLst/>
          </a:prstGeom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D3397F76-6970-4DF0-8018-C2D563B05BC9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7399156" y="964881"/>
            <a:ext cx="274344" cy="3231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0652109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135C251-E0B4-4377-97EE-DCF51835727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fects – Required Tasks Data Description</a:t>
            </a:r>
            <a:endParaRPr lang="en-US" sz="2100" dirty="0">
              <a:latin typeface="Calibri Light (Headings)"/>
            </a:endParaRPr>
          </a:p>
        </p:txBody>
      </p:sp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210EC90C-865A-4DF1-ABCD-897FE9E6B3FC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7067564"/>
              </p:ext>
            </p:extLst>
          </p:nvPr>
        </p:nvGraphicFramePr>
        <p:xfrm>
          <a:off x="505457" y="1447630"/>
          <a:ext cx="11278556" cy="4553123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1974563">
                  <a:extLst>
                    <a:ext uri="{9D8B030D-6E8A-4147-A177-3AD203B41FA5}">
                      <a16:colId xmlns:a16="http://schemas.microsoft.com/office/drawing/2014/main" val="856660056"/>
                    </a:ext>
                  </a:extLst>
                </a:gridCol>
                <a:gridCol w="5999552">
                  <a:extLst>
                    <a:ext uri="{9D8B030D-6E8A-4147-A177-3AD203B41FA5}">
                      <a16:colId xmlns:a16="http://schemas.microsoft.com/office/drawing/2014/main" val="3880545258"/>
                    </a:ext>
                  </a:extLst>
                </a:gridCol>
                <a:gridCol w="3304441">
                  <a:extLst>
                    <a:ext uri="{9D8B030D-6E8A-4147-A177-3AD203B41FA5}">
                      <a16:colId xmlns:a16="http://schemas.microsoft.com/office/drawing/2014/main" val="1922937538"/>
                    </a:ext>
                  </a:extLst>
                </a:gridCol>
              </a:tblGrid>
              <a:tr h="303819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eld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Valida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390308647"/>
                  </a:ext>
                </a:extLst>
              </a:tr>
              <a:tr h="298165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itl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Name of the task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42275914"/>
                  </a:ext>
                </a:extLst>
              </a:tr>
              <a:tr h="298165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sk categor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sk grouping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4433447"/>
                  </a:ext>
                </a:extLst>
              </a:tr>
              <a:tr h="298165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sk subcategory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sk subgrouping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1831940"/>
                  </a:ext>
                </a:extLst>
              </a:tr>
              <a:tr h="298165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Optional description of the task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37034253"/>
                  </a:ext>
                </a:extLst>
              </a:tr>
              <a:tr h="298165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 dat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start date for processing this task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960243530"/>
                  </a:ext>
                </a:extLst>
              </a:tr>
              <a:tr h="298165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 tim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start time (in military time) for processing this task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im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594090463"/>
                  </a:ext>
                </a:extLst>
              </a:tr>
              <a:tr h="298165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rget dat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ate when the task should be completed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931898559"/>
                  </a:ext>
                </a:extLst>
              </a:tr>
              <a:tr h="380101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rget tim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ime (specified in military time) when the task should be completed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im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83088753"/>
                  </a:ext>
                </a:extLst>
              </a:tr>
              <a:tr h="343093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tus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sk status. Possible values are New, In Process, and Complete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809603765"/>
                  </a:ext>
                </a:extLst>
              </a:tr>
              <a:tr h="380101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cessor typ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he type of processor. Possible values are Supplier, Customer, or Customer user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Entity of Customer or Supplier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710784751"/>
                  </a:ext>
                </a:extLst>
              </a:tr>
              <a:tr h="529427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cessor ID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he ID of the person or organization responsible for this task. In the case of a supplier, can be the user ID or the SAP Business Network ID (“ANID”). 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or Supplier ANID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951750365"/>
                  </a:ext>
                </a:extLst>
              </a:tr>
              <a:tr h="529427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cessor name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he name of the person or organization responsible for this task. In the case of a supplier, can be the user name or company name.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 or Supplier ANID name</a:t>
                      </a:r>
                    </a:p>
                    <a:p>
                      <a:pPr algn="l"/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997211882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88488408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D07D945-43DC-49A5-9678-F91CDEED90A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fects –</a:t>
            </a:r>
            <a:r>
              <a:rPr lang="en-US" sz="2100" spc="50" dirty="0">
                <a:latin typeface="Calibri Light (Headings)"/>
                <a:cs typeface="Arial" panose="020B0604020202020204" pitchFamily="34" charset="0"/>
              </a:rPr>
              <a:t> </a:t>
            </a: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Activity Log</a:t>
            </a:r>
            <a:endParaRPr lang="en-US" sz="2000" dirty="0">
              <a:solidFill>
                <a:schemeClr val="accent1"/>
              </a:solidFill>
              <a:latin typeface="Calibri Light (Headings)"/>
            </a:endParaRPr>
          </a:p>
        </p:txBody>
      </p:sp>
      <p:sp>
        <p:nvSpPr>
          <p:cNvPr id="11" name="Text Placeholder 1">
            <a:extLst>
              <a:ext uri="{FF2B5EF4-FFF2-40B4-BE49-F238E27FC236}">
                <a16:creationId xmlns:a16="http://schemas.microsoft.com/office/drawing/2014/main" id="{86D18AB1-7401-4D72-8E77-A75FFA1F77E4}"/>
              </a:ext>
            </a:extLst>
          </p:cNvPr>
          <p:cNvSpPr txBox="1">
            <a:spLocks/>
          </p:cNvSpPr>
          <p:nvPr/>
        </p:nvSpPr>
        <p:spPr bwMode="black">
          <a:xfrm>
            <a:off x="505458" y="1741116"/>
            <a:ext cx="4710777" cy="2745567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 marL="0" indent="0" algn="l" defTabSz="1088231" rtl="0" eaLnBrk="1" latinLnBrk="0" hangingPunct="1">
              <a:spcBef>
                <a:spcPts val="1799"/>
              </a:spcBef>
              <a:buClr>
                <a:schemeClr val="accent1"/>
              </a:buClr>
              <a:buSzPct val="80000"/>
              <a:buFontTx/>
              <a:buNone/>
              <a:defRPr sz="1999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10" indent="-179910" algn="l" defTabSz="1088231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7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667" indent="-179334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799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730" indent="-179910" algn="l" defTabSz="1088231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640" indent="-179910" algn="l" defTabSz="1088231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2637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6753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0868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4985" indent="-272058" algn="l" defTabSz="1088231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399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just">
              <a:spcBef>
                <a:spcPts val="0"/>
              </a:spcBef>
              <a:spcAft>
                <a:spcPts val="600"/>
              </a:spcAft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rom the QN/ Defects screen: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not in editing mode,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dit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there are multiple defects, select the one you want to edit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pand Activity log section and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+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Add activity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ulfill all mandatory fields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You can create multiple lines by clicking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+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Add activity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utto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you wish to remove the activity, click the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bin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icon.</a:t>
            </a:r>
          </a:p>
          <a:p>
            <a:pPr marL="342900" indent="-342900" algn="just">
              <a:spcBef>
                <a:spcPts val="0"/>
              </a:spcBef>
              <a:spcAft>
                <a:spcPts val="600"/>
              </a:spcAft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If you wish to submit, 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ublish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 </a:t>
            </a:r>
          </a:p>
          <a:p>
            <a:pPr marL="285750" indent="-285750" algn="just"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2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18" name="Picture 17">
            <a:extLst>
              <a:ext uri="{FF2B5EF4-FFF2-40B4-BE49-F238E27FC236}">
                <a16:creationId xmlns:a16="http://schemas.microsoft.com/office/drawing/2014/main" id="{58868C9B-3BD5-439E-9BF5-FB9EB8B7627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402289" y="1330926"/>
            <a:ext cx="1147216" cy="409198"/>
          </a:xfrm>
          <a:prstGeom prst="rect">
            <a:avLst/>
          </a:prstGeom>
        </p:spPr>
      </p:pic>
      <p:pic>
        <p:nvPicPr>
          <p:cNvPr id="28" name="Picture 27">
            <a:extLst>
              <a:ext uri="{FF2B5EF4-FFF2-40B4-BE49-F238E27FC236}">
                <a16:creationId xmlns:a16="http://schemas.microsoft.com/office/drawing/2014/main" id="{49724998-3528-4468-9C1D-ADF2CC2D1AC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599046" y="6094857"/>
            <a:ext cx="1212225" cy="374688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5C58BBB3-E82C-4E64-B4EA-2657B4BB4AD7}"/>
              </a:ext>
            </a:extLst>
          </p:cNvPr>
          <p:cNvSpPr txBox="1"/>
          <p:nvPr/>
        </p:nvSpPr>
        <p:spPr>
          <a:xfrm>
            <a:off x="505456" y="4774370"/>
            <a:ext cx="4162460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Note: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  <a:p>
            <a:pPr marL="285750" indent="-285750"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edit existing tasks in the editing mode.</a:t>
            </a:r>
          </a:p>
          <a:p>
            <a:pPr algn="just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400" kern="0" dirty="0" err="1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AB6B81ED-00B7-4E53-B71B-0248B723093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097239" y="1756017"/>
            <a:ext cx="2452266" cy="1031141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6C5D5A42-F083-4CC5-9E4A-B6F6043C839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097239" y="2803051"/>
            <a:ext cx="2452267" cy="1080660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E474A3BB-1E34-4B6B-A87A-18C6371D851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987488" y="1147044"/>
            <a:ext cx="274344" cy="329213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03E064FB-4B0E-4C6F-9849-845AF8CB9EC2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100609" y="2114681"/>
            <a:ext cx="274344" cy="32311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7A0BC223-518A-4D04-A2DA-20428B57D844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5897746" y="3560595"/>
            <a:ext cx="274344" cy="323116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068409F6-1C0E-4896-8367-F4628E731A18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5742176" y="3940505"/>
            <a:ext cx="6302589" cy="2132008"/>
          </a:xfrm>
          <a:prstGeom prst="rect">
            <a:avLst/>
          </a:prstGeom>
        </p:spPr>
      </p:pic>
      <p:pic>
        <p:nvPicPr>
          <p:cNvPr id="34" name="Picture 33">
            <a:extLst>
              <a:ext uri="{FF2B5EF4-FFF2-40B4-BE49-F238E27FC236}">
                <a16:creationId xmlns:a16="http://schemas.microsoft.com/office/drawing/2014/main" id="{E0FE9923-DC51-4E22-BADE-FDF889355BEE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667714" y="4076482"/>
            <a:ext cx="274344" cy="329213"/>
          </a:xfrm>
          <a:prstGeom prst="rect">
            <a:avLst/>
          </a:prstGeom>
        </p:spPr>
      </p:pic>
      <p:pic>
        <p:nvPicPr>
          <p:cNvPr id="36" name="Picture 35">
            <a:extLst>
              <a:ext uri="{FF2B5EF4-FFF2-40B4-BE49-F238E27FC236}">
                <a16:creationId xmlns:a16="http://schemas.microsoft.com/office/drawing/2014/main" id="{82E8A7E6-5439-45BD-8B77-520EA3F00290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5488504" y="5800094"/>
            <a:ext cx="274344" cy="329213"/>
          </a:xfrm>
          <a:prstGeom prst="rect">
            <a:avLst/>
          </a:prstGeom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96E6AB8D-5D1D-4CB0-9788-2DE17EB2D92A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11608755" y="4157470"/>
            <a:ext cx="274344" cy="329213"/>
          </a:xfrm>
          <a:prstGeom prst="rect">
            <a:avLst/>
          </a:prstGeom>
        </p:spPr>
      </p:pic>
      <p:pic>
        <p:nvPicPr>
          <p:cNvPr id="38" name="Picture 37">
            <a:extLst>
              <a:ext uri="{FF2B5EF4-FFF2-40B4-BE49-F238E27FC236}">
                <a16:creationId xmlns:a16="http://schemas.microsoft.com/office/drawing/2014/main" id="{13F21DEF-A342-467F-BDD0-3AC6413895D8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11205158" y="5882318"/>
            <a:ext cx="274344" cy="3231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86760159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7135C251-E0B4-4377-97EE-DCF51835727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 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Defects –</a:t>
            </a:r>
            <a:r>
              <a:rPr lang="en-US" sz="2100" spc="50" dirty="0">
                <a:latin typeface="Calibri Light (Headings)"/>
                <a:cs typeface="Arial" panose="020B0604020202020204" pitchFamily="34" charset="0"/>
              </a:rPr>
              <a:t> </a:t>
            </a: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Activity Log Data Description</a:t>
            </a:r>
            <a:endParaRPr lang="en-US" sz="2100" dirty="0">
              <a:latin typeface="Calibri Light (Headings)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8B2BAC62-557B-4B3E-810A-05BAFE10BCE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528467024"/>
              </p:ext>
            </p:extLst>
          </p:nvPr>
        </p:nvGraphicFramePr>
        <p:xfrm>
          <a:off x="505458" y="1655102"/>
          <a:ext cx="11183563" cy="3316950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2338015">
                  <a:extLst>
                    <a:ext uri="{9D8B030D-6E8A-4147-A177-3AD203B41FA5}">
                      <a16:colId xmlns:a16="http://schemas.microsoft.com/office/drawing/2014/main" val="856660056"/>
                    </a:ext>
                  </a:extLst>
                </a:gridCol>
                <a:gridCol w="4789232">
                  <a:extLst>
                    <a:ext uri="{9D8B030D-6E8A-4147-A177-3AD203B41FA5}">
                      <a16:colId xmlns:a16="http://schemas.microsoft.com/office/drawing/2014/main" val="3880545258"/>
                    </a:ext>
                  </a:extLst>
                </a:gridCol>
                <a:gridCol w="4056316">
                  <a:extLst>
                    <a:ext uri="{9D8B030D-6E8A-4147-A177-3AD203B41FA5}">
                      <a16:colId xmlns:a16="http://schemas.microsoft.com/office/drawing/2014/main" val="1922937538"/>
                    </a:ext>
                  </a:extLst>
                </a:gridCol>
              </a:tblGrid>
              <a:tr h="36855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ield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Validation</a:t>
                      </a:r>
                      <a:endParaRPr lang="en-US" sz="1200" b="1" dirty="0">
                        <a:solidFill>
                          <a:schemeClr val="tx2">
                            <a:lumMod val="20000"/>
                            <a:lumOff val="80000"/>
                          </a:schemeClr>
                        </a:solidFill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390308647"/>
                  </a:ext>
                </a:extLst>
              </a:tr>
              <a:tr h="36855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itl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Name of the activity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42275914"/>
                  </a:ext>
                </a:extLst>
              </a:tr>
              <a:tr h="36855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ctivity categ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ctivity grouping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4433447"/>
                  </a:ext>
                </a:extLst>
              </a:tr>
              <a:tr h="36855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ctivity subcateg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ctivity subgrouping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u="none" strike="noStrike" dirty="0">
                          <a:effectLst/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rop down list managed by customer</a:t>
                      </a:r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71831940"/>
                  </a:ext>
                </a:extLst>
              </a:tr>
              <a:tr h="36855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Optional description of the activity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ext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237034253"/>
                  </a:ext>
                </a:extLst>
              </a:tr>
              <a:tr h="36855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 d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start date for this activity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960243530"/>
                  </a:ext>
                </a:extLst>
              </a:tr>
              <a:tr h="36855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rt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start time (in military time) for this activity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im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594090463"/>
                  </a:ext>
                </a:extLst>
              </a:tr>
              <a:tr h="36855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End dat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end date for this activity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dat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3931898559"/>
                  </a:ext>
                </a:extLst>
              </a:tr>
              <a:tr h="368550"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End ti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lanned end time (in military time) for this activity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Free time input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183088753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1002177974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>
            <a:extLst>
              <a:ext uri="{FF2B5EF4-FFF2-40B4-BE49-F238E27FC236}">
                <a16:creationId xmlns:a16="http://schemas.microsoft.com/office/drawing/2014/main" id="{CCA65395-6D77-40F0-BE18-224A9B1DA12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380195" y="1393708"/>
            <a:ext cx="4345451" cy="66151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1D9A7068-4A95-47FF-A0BE-EBC3F48CC35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207918" y="2081496"/>
            <a:ext cx="1517728" cy="336567"/>
          </a:xfrm>
          <a:prstGeom prst="rect">
            <a:avLst/>
          </a:prstGeom>
          <a:ln>
            <a:solidFill>
              <a:schemeClr val="bg2"/>
            </a:solidFill>
          </a:ln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4B820D43-E578-42B3-A804-EC1A6351F8E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380195" y="2452089"/>
            <a:ext cx="3905477" cy="1035186"/>
          </a:xfrm>
          <a:prstGeom prst="rect">
            <a:avLst/>
          </a:prstGeom>
          <a:ln>
            <a:noFill/>
          </a:ln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CF7B035-E42A-4D9F-8BD7-D98EEA5B9B2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5456" y="1493638"/>
            <a:ext cx="5029581" cy="1531664"/>
          </a:xfrm>
        </p:spPr>
        <p:txBody>
          <a:bodyPr>
            <a:noAutofit/>
          </a:bodyPr>
          <a:lstStyle/>
          <a:p>
            <a:pPr algn="just">
              <a:spcBef>
                <a:spcPts val="0"/>
              </a:spcBef>
              <a:spcAft>
                <a:spcPts val="600"/>
              </a:spcAft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AP Business Network provides mass download upload capability for quality notifications, which allows suppliers:</a:t>
            </a:r>
          </a:p>
          <a:p>
            <a:pPr marL="171450" indent="-171450" algn="just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o download quality notifications from upload/download tab.</a:t>
            </a:r>
          </a:p>
          <a:p>
            <a:pPr marL="171450" indent="-171450" algn="just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o update quality notification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header, task, activity, and defects sections.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>
              <a:spcBef>
                <a:spcPts val="0"/>
              </a:spcBef>
              <a:spcAft>
                <a:spcPts val="600"/>
              </a:spcAft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171450" indent="-171450" algn="just">
              <a:spcBef>
                <a:spcPts val="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941E755-249D-4906-950D-A56CF5A8A63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457" y="504001"/>
            <a:ext cx="11183564" cy="692497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kern="0" dirty="0">
                <a:solidFill>
                  <a:schemeClr val="accent1"/>
                </a:solidFill>
                <a:latin typeface="Calibri Light (Headings)"/>
                <a:ea typeface="Arial Unicode MS" pitchFamily="34" charset="-128"/>
                <a:cs typeface="Arial Unicode MS" pitchFamily="34" charset="-128"/>
              </a:rPr>
              <a:t>Quality Notification Mass Update 1</a:t>
            </a:r>
            <a:endParaRPr lang="en-US" dirty="0">
              <a:latin typeface="Calibri Light (Headings)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A5676665-2B04-4A33-BA5E-1C3E0887ED15}"/>
              </a:ext>
            </a:extLst>
          </p:cNvPr>
          <p:cNvSpPr txBox="1"/>
          <p:nvPr/>
        </p:nvSpPr>
        <p:spPr>
          <a:xfrm>
            <a:off x="533163" y="3078113"/>
            <a:ext cx="5186701" cy="197746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just" defTabSz="1088231">
              <a:spcBef>
                <a:spcPts val="600"/>
              </a:spcBef>
              <a:buClr>
                <a:srgbClr val="F0AB00"/>
              </a:buClr>
              <a:buSzPct val="80000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From the Homepage:</a:t>
            </a:r>
          </a:p>
          <a:p>
            <a:pPr marL="342900" indent="-342900" algn="just" defTabSz="1088231">
              <a:spcBef>
                <a:spcPts val="600"/>
              </a:spcBef>
              <a:buClr>
                <a:srgbClr val="F0AB00"/>
              </a:buClr>
              <a:buSzPct val="8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Click on        </a:t>
            </a:r>
            <a:r>
              <a:rPr lang="pl-PL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button, select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Upload/ Download. </a:t>
            </a: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342900" indent="-342900" algn="just" defTabSz="1088231">
              <a:spcBef>
                <a:spcPts val="600"/>
              </a:spcBef>
              <a:buClr>
                <a:srgbClr val="F0AB00"/>
              </a:buClr>
              <a:buSzPct val="8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From the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Jobs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sub-tab, 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Create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button.</a:t>
            </a:r>
          </a:p>
          <a:p>
            <a:pPr marL="342900" indent="-342900" algn="just" defTabSz="1088231">
              <a:spcBef>
                <a:spcPts val="600"/>
              </a:spcBef>
              <a:buClr>
                <a:srgbClr val="F0AB00"/>
              </a:buClr>
              <a:buSzPct val="8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Fulfill all mandatory fields and set a type as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Quality Notification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</a:p>
          <a:p>
            <a:pPr marL="342900" indent="-342900" algn="just" defTabSz="1088231">
              <a:spcBef>
                <a:spcPts val="600"/>
              </a:spcBef>
              <a:buClr>
                <a:srgbClr val="F0AB00"/>
              </a:buClr>
              <a:buSzPct val="8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o save report template 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Save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 </a:t>
            </a:r>
          </a:p>
          <a:p>
            <a:pPr marL="342900" indent="-342900" algn="just" defTabSz="1088231">
              <a:spcBef>
                <a:spcPts val="600"/>
              </a:spcBef>
              <a:buClr>
                <a:srgbClr val="F0AB00"/>
              </a:buClr>
              <a:buSzPct val="8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he report will appear in the Jobs list. Select it and 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Run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</a:p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300" kern="0" dirty="0" err="1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8" name="Oval 7">
            <a:extLst>
              <a:ext uri="{FF2B5EF4-FFF2-40B4-BE49-F238E27FC236}">
                <a16:creationId xmlns:a16="http://schemas.microsoft.com/office/drawing/2014/main" id="{BC873393-1DFF-48A4-B877-FE96BFC709D5}"/>
              </a:ext>
            </a:extLst>
          </p:cNvPr>
          <p:cNvSpPr/>
          <p:nvPr/>
        </p:nvSpPr>
        <p:spPr bwMode="gray">
          <a:xfrm>
            <a:off x="6532638" y="2969682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0E4726DE-8398-42D6-ADCA-0072324FD476}"/>
              </a:ext>
            </a:extLst>
          </p:cNvPr>
          <p:cNvSpPr/>
          <p:nvPr/>
        </p:nvSpPr>
        <p:spPr bwMode="gray">
          <a:xfrm>
            <a:off x="9207918" y="2104316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E02FA1B9-0EE5-4A91-8938-77B87002C057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428252" y="3274456"/>
            <a:ext cx="367467" cy="367467"/>
          </a:xfrm>
          <a:prstGeom prst="rect">
            <a:avLst/>
          </a:prstGeo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9FF51044-9C46-460B-9394-347D605C9B9C}"/>
              </a:ext>
            </a:extLst>
          </p:cNvPr>
          <p:cNvSpPr/>
          <p:nvPr/>
        </p:nvSpPr>
        <p:spPr bwMode="gray">
          <a:xfrm>
            <a:off x="10378580" y="1708507"/>
            <a:ext cx="347066" cy="367145"/>
          </a:xfrm>
          <a:prstGeom prst="rect">
            <a:avLst/>
          </a:prstGeom>
          <a:noFill/>
          <a:ln w="2540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724DAC08-C350-4EB3-86E9-6ECD93562E71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380195" y="3516220"/>
            <a:ext cx="3367825" cy="1816713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D511E27A-C20B-45E7-A157-37CC8BEA2135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8327156" y="3743924"/>
            <a:ext cx="1283635" cy="365792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01CF840A-91E7-47B9-B1F3-BC89A7F91B6C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380195" y="3652977"/>
            <a:ext cx="274344" cy="323116"/>
          </a:xfrm>
          <a:prstGeom prst="rect">
            <a:avLst/>
          </a:prstGeom>
        </p:spPr>
      </p:pic>
      <p:pic>
        <p:nvPicPr>
          <p:cNvPr id="24" name="Picture 23">
            <a:extLst>
              <a:ext uri="{FF2B5EF4-FFF2-40B4-BE49-F238E27FC236}">
                <a16:creationId xmlns:a16="http://schemas.microsoft.com/office/drawing/2014/main" id="{2939B868-DA7E-419B-B4D4-84B2739B3C7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9291013" y="4888513"/>
            <a:ext cx="274344" cy="323116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750BBE13-7162-44BD-A42C-95601CE769E5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380195" y="5380169"/>
            <a:ext cx="2571832" cy="1330858"/>
          </a:xfrm>
          <a:prstGeom prst="rect">
            <a:avLst/>
          </a:prstGeom>
        </p:spPr>
      </p:pic>
      <p:pic>
        <p:nvPicPr>
          <p:cNvPr id="28" name="Picture 27">
            <a:extLst>
              <a:ext uri="{FF2B5EF4-FFF2-40B4-BE49-F238E27FC236}">
                <a16:creationId xmlns:a16="http://schemas.microsoft.com/office/drawing/2014/main" id="{40E069A4-ABBD-4DBD-818F-6D96FF6EA08C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7590988" y="6253793"/>
            <a:ext cx="274344" cy="3231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94607631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FC9504BE-B913-468C-AE95-2155E99119E4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5457" y="1774757"/>
            <a:ext cx="4506281" cy="4716000"/>
          </a:xfrm>
        </p:spPr>
        <p:txBody>
          <a:bodyPr>
            <a:normAutofit/>
          </a:bodyPr>
          <a:lstStyle/>
          <a:p>
            <a:pPr marL="114300" indent="-342900" algn="just">
              <a:spcBef>
                <a:spcPts val="600"/>
              </a:spcBef>
              <a:buSzPct val="90000"/>
              <a:buFont typeface="+mj-lt"/>
              <a:buAutoNum type="arabicPeriod" startAt="6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he report will appear in the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Downloads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sub-tab.</a:t>
            </a:r>
          </a:p>
          <a:p>
            <a:pPr marL="114300" indent="-342900" algn="just">
              <a:spcBef>
                <a:spcPts val="600"/>
              </a:spcBef>
              <a:buSzPct val="90000"/>
              <a:buFont typeface="+mj-lt"/>
              <a:buAutoNum type="arabicPeriod" startAt="6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Use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Refresh Status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button to update the report status to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Completed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</a:p>
          <a:p>
            <a:pPr marL="114300" indent="-342900" algn="just">
              <a:spcBef>
                <a:spcPts val="600"/>
              </a:spcBef>
              <a:buSzPct val="90000"/>
              <a:buFont typeface="+mj-lt"/>
              <a:buAutoNum type="arabicPeriod" startAt="6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o download a report, click on the icon on the right hand of the screen.</a:t>
            </a:r>
          </a:p>
          <a:p>
            <a:pPr algn="just">
              <a:spcBef>
                <a:spcPts val="600"/>
              </a:spcBef>
              <a:buSzPct val="90000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</p:txBody>
      </p:sp>
      <p:sp>
        <p:nvSpPr>
          <p:cNvPr id="4" name="Title 2">
            <a:extLst>
              <a:ext uri="{FF2B5EF4-FFF2-40B4-BE49-F238E27FC236}">
                <a16:creationId xmlns:a16="http://schemas.microsoft.com/office/drawing/2014/main" id="{0EFB3B41-5A94-4708-98E5-78A1AFB40BEC}"/>
              </a:ext>
            </a:extLst>
          </p:cNvPr>
          <p:cNvSpPr txBox="1">
            <a:spLocks/>
          </p:cNvSpPr>
          <p:nvPr/>
        </p:nvSpPr>
        <p:spPr bwMode="black">
          <a:xfrm>
            <a:off x="505457" y="504001"/>
            <a:ext cx="11183564" cy="692497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231" rtl="0" eaLnBrk="1" latinLnBrk="0" hangingPunct="1">
              <a:spcBef>
                <a:spcPct val="0"/>
              </a:spcBef>
              <a:buNone/>
              <a:defRPr sz="2399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algn="just"/>
            <a:r>
              <a:rPr lang="en-US" sz="2400" spc="50" dirty="0">
                <a:latin typeface="Calibri Light (Headings)"/>
                <a:cs typeface="Arial" panose="020B0604020202020204" pitchFamily="34" charset="0"/>
              </a:rPr>
              <a:t>Maintain Quality Notification </a:t>
            </a:r>
          </a:p>
          <a:p>
            <a:pPr algn="just"/>
            <a:r>
              <a:rPr lang="en-US" sz="2100" kern="0" dirty="0">
                <a:solidFill>
                  <a:schemeClr val="accent1"/>
                </a:solidFill>
                <a:latin typeface="Calibri Light (Headings)"/>
                <a:ea typeface="Arial Unicode MS" pitchFamily="34" charset="-128"/>
                <a:cs typeface="Arial Unicode MS" pitchFamily="34" charset="-128"/>
              </a:rPr>
              <a:t>Quality Notification Mass Update 2</a:t>
            </a:r>
            <a:endParaRPr lang="en-US" sz="2100" dirty="0">
              <a:solidFill>
                <a:schemeClr val="accent1"/>
              </a:solidFill>
              <a:latin typeface="Calibri Light (Headings)"/>
            </a:endParaRPr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23" name="Ink 22">
                <a:extLst>
                  <a:ext uri="{FF2B5EF4-FFF2-40B4-BE49-F238E27FC236}">
                    <a16:creationId xmlns:a16="http://schemas.microsoft.com/office/drawing/2014/main" id="{F7C7DDCA-9FBF-4A15-9356-793CC2595AB3}"/>
                  </a:ext>
                </a:extLst>
              </p14:cNvPr>
              <p14:cNvContentPartPr/>
              <p14:nvPr/>
            </p14:nvContentPartPr>
            <p14:xfrm>
              <a:off x="2190224" y="6200501"/>
              <a:ext cx="1026720" cy="141120"/>
            </p14:xfrm>
          </p:contentPart>
        </mc:Choice>
        <mc:Fallback xmlns="">
          <p:pic>
            <p:nvPicPr>
              <p:cNvPr id="23" name="Ink 22">
                <a:extLst>
                  <a:ext uri="{FF2B5EF4-FFF2-40B4-BE49-F238E27FC236}">
                    <a16:creationId xmlns:a16="http://schemas.microsoft.com/office/drawing/2014/main" id="{F7C7DDCA-9FBF-4A15-9356-793CC2595AB3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2181224" y="6191501"/>
                <a:ext cx="1044360" cy="1587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24" name="Ink 23">
                <a:extLst>
                  <a:ext uri="{FF2B5EF4-FFF2-40B4-BE49-F238E27FC236}">
                    <a16:creationId xmlns:a16="http://schemas.microsoft.com/office/drawing/2014/main" id="{A30D0F9B-BC7A-4609-B217-7CF202819922}"/>
                  </a:ext>
                </a:extLst>
              </p14:cNvPr>
              <p14:cNvContentPartPr/>
              <p14:nvPr/>
            </p14:nvContentPartPr>
            <p14:xfrm>
              <a:off x="1579304" y="6304541"/>
              <a:ext cx="325080" cy="7920"/>
            </p14:xfrm>
          </p:contentPart>
        </mc:Choice>
        <mc:Fallback xmlns="">
          <p:pic>
            <p:nvPicPr>
              <p:cNvPr id="24" name="Ink 23">
                <a:extLst>
                  <a:ext uri="{FF2B5EF4-FFF2-40B4-BE49-F238E27FC236}">
                    <a16:creationId xmlns:a16="http://schemas.microsoft.com/office/drawing/2014/main" id="{A30D0F9B-BC7A-4609-B217-7CF202819922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1570304" y="6295541"/>
                <a:ext cx="342720" cy="255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">
            <p14:nvContentPartPr>
              <p14:cNvPr id="28" name="Ink 27">
                <a:extLst>
                  <a:ext uri="{FF2B5EF4-FFF2-40B4-BE49-F238E27FC236}">
                    <a16:creationId xmlns:a16="http://schemas.microsoft.com/office/drawing/2014/main" id="{5B0EB5F2-2200-49FF-97A3-61C99448B621}"/>
                  </a:ext>
                </a:extLst>
              </p14:cNvPr>
              <p14:cNvContentPartPr/>
              <p14:nvPr/>
            </p14:nvContentPartPr>
            <p14:xfrm>
              <a:off x="216239" y="2864066"/>
              <a:ext cx="347040" cy="2721684"/>
            </p14:xfrm>
          </p:contentPart>
        </mc:Choice>
        <mc:Fallback xmlns="">
          <p:pic>
            <p:nvPicPr>
              <p:cNvPr id="28" name="Ink 27">
                <a:extLst>
                  <a:ext uri="{FF2B5EF4-FFF2-40B4-BE49-F238E27FC236}">
                    <a16:creationId xmlns:a16="http://schemas.microsoft.com/office/drawing/2014/main" id="{5B0EB5F2-2200-49FF-97A3-61C99448B621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207230" y="2855067"/>
                <a:ext cx="364698" cy="2739322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29" name="Ink 28">
                <a:extLst>
                  <a:ext uri="{FF2B5EF4-FFF2-40B4-BE49-F238E27FC236}">
                    <a16:creationId xmlns:a16="http://schemas.microsoft.com/office/drawing/2014/main" id="{8E9EB8AF-1C96-4A59-9F85-B6A0F1F58244}"/>
                  </a:ext>
                </a:extLst>
              </p14:cNvPr>
              <p14:cNvContentPartPr/>
              <p14:nvPr/>
            </p14:nvContentPartPr>
            <p14:xfrm>
              <a:off x="12705505" y="6653775"/>
              <a:ext cx="3960" cy="3960"/>
            </p14:xfrm>
          </p:contentPart>
        </mc:Choice>
        <mc:Fallback xmlns="">
          <p:pic>
            <p:nvPicPr>
              <p:cNvPr id="29" name="Ink 28">
                <a:extLst>
                  <a:ext uri="{FF2B5EF4-FFF2-40B4-BE49-F238E27FC236}">
                    <a16:creationId xmlns:a16="http://schemas.microsoft.com/office/drawing/2014/main" id="{8E9EB8AF-1C96-4A59-9F85-B6A0F1F58244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12697255" y="6644775"/>
                <a:ext cx="20130" cy="21600"/>
              </a:xfrm>
              <a:prstGeom prst="rect">
                <a:avLst/>
              </a:prstGeom>
            </p:spPr>
          </p:pic>
        </mc:Fallback>
      </mc:AlternateContent>
      <p:sp>
        <p:nvSpPr>
          <p:cNvPr id="3" name="Rectangle 2">
            <a:extLst>
              <a:ext uri="{FF2B5EF4-FFF2-40B4-BE49-F238E27FC236}">
                <a16:creationId xmlns:a16="http://schemas.microsoft.com/office/drawing/2014/main" id="{41DD197F-D761-4F3C-9A07-26376293A7DA}"/>
              </a:ext>
            </a:extLst>
          </p:cNvPr>
          <p:cNvSpPr/>
          <p:nvPr/>
        </p:nvSpPr>
        <p:spPr bwMode="gray">
          <a:xfrm>
            <a:off x="304707" y="2830097"/>
            <a:ext cx="243532" cy="1890990"/>
          </a:xfrm>
          <a:prstGeom prst="rect">
            <a:avLst/>
          </a:prstGeom>
          <a:solidFill>
            <a:schemeClr val="bg1"/>
          </a:solidFill>
          <a:ln w="25400" algn="ctr">
            <a:solidFill>
              <a:schemeClr val="bg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CA78C293-DB3C-4381-8438-18BCA35D63D9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286082" y="1775012"/>
            <a:ext cx="6521793" cy="2357745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D411098B-504C-4CB0-B8B8-24E218584C50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5512807" y="1613199"/>
            <a:ext cx="274344" cy="32311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ECD8A632-8B5F-4A2A-8A8B-275E7BECBC97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5238463" y="3803544"/>
            <a:ext cx="274344" cy="329213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E9DEF194-F200-484E-BA21-73A562B35BD6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11248588" y="3356964"/>
            <a:ext cx="274344" cy="3231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6631961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A6476C4E-C157-49A5-ABD2-4FF184062A9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endParaRPr lang="en-US" dirty="0"/>
          </a:p>
          <a:p>
            <a:endParaRPr lang="en-US" dirty="0"/>
          </a:p>
          <a:p>
            <a:endParaRPr lang="en-US" dirty="0"/>
          </a:p>
          <a:p>
            <a:endParaRPr lang="en-US" dirty="0"/>
          </a:p>
        </p:txBody>
      </p:sp>
      <p:sp>
        <p:nvSpPr>
          <p:cNvPr id="6" name="Title 2">
            <a:extLst>
              <a:ext uri="{FF2B5EF4-FFF2-40B4-BE49-F238E27FC236}">
                <a16:creationId xmlns:a16="http://schemas.microsoft.com/office/drawing/2014/main" id="{6FB8B0D5-11CD-4190-A4B0-08896C0C6BC5}"/>
              </a:ext>
            </a:extLst>
          </p:cNvPr>
          <p:cNvSpPr txBox="1">
            <a:spLocks/>
          </p:cNvSpPr>
          <p:nvPr/>
        </p:nvSpPr>
        <p:spPr bwMode="black">
          <a:xfrm>
            <a:off x="505457" y="504001"/>
            <a:ext cx="11183564" cy="692497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231" rtl="0" eaLnBrk="1" latinLnBrk="0" hangingPunct="1">
              <a:spcBef>
                <a:spcPct val="0"/>
              </a:spcBef>
              <a:buNone/>
              <a:defRPr sz="2399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400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z="2400" spc="50" dirty="0">
                <a:solidFill>
                  <a:srgbClr val="FFFFFF"/>
                </a:solidFill>
                <a:latin typeface="Calibri Light (Headings)"/>
                <a:ea typeface="+mn-ea"/>
                <a:cs typeface="Arial" panose="020B0604020202020204" pitchFamily="34" charset="0"/>
              </a:rPr>
            </a:br>
            <a:r>
              <a:rPr lang="en-US" sz="2100" kern="0" dirty="0">
                <a:solidFill>
                  <a:srgbClr val="F0AB00"/>
                </a:solidFill>
                <a:latin typeface="Calibri Light (Headings)"/>
                <a:ea typeface="Arial Unicode MS" pitchFamily="34" charset="-128"/>
                <a:cs typeface="Arial Unicode MS" pitchFamily="34" charset="-128"/>
              </a:rPr>
              <a:t>Quality Notification Mass Update 3</a:t>
            </a:r>
            <a:endParaRPr lang="en-US" sz="2100" dirty="0">
              <a:solidFill>
                <a:schemeClr val="accent1"/>
              </a:solidFill>
              <a:latin typeface="Calibri Light (Headings)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DF84897-441E-4D8D-8A31-374E7D7203BC}"/>
              </a:ext>
            </a:extLst>
          </p:cNvPr>
          <p:cNvSpPr txBox="1"/>
          <p:nvPr/>
        </p:nvSpPr>
        <p:spPr>
          <a:xfrm flipH="1">
            <a:off x="505455" y="6224679"/>
            <a:ext cx="7442042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solidFill>
                  <a:schemeClr val="accent1"/>
                </a:solidFill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Note: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lease make sure to use the latest version of the template available through the Portal. 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B43D2802-8B49-496D-AF5E-55AD8334F2E3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1172" t="23082" r="1429" b="44453"/>
          <a:stretch/>
        </p:blipFill>
        <p:spPr>
          <a:xfrm>
            <a:off x="505456" y="4260078"/>
            <a:ext cx="11062467" cy="1839565"/>
          </a:xfrm>
          <a:prstGeom prst="rect">
            <a:avLst/>
          </a:prstGeom>
          <a:ln w="15875">
            <a:noFill/>
          </a:ln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F68C2F40-F3AB-4E1A-A0B5-DB910802E558}"/>
              </a:ext>
            </a:extLst>
          </p:cNvPr>
          <p:cNvSpPr txBox="1"/>
          <p:nvPr/>
        </p:nvSpPr>
        <p:spPr>
          <a:xfrm>
            <a:off x="505455" y="1387746"/>
            <a:ext cx="6024410" cy="280076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 algn="just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Open the Excel file containing quality notifications. </a:t>
            </a:r>
          </a:p>
          <a:p>
            <a:pPr marL="285750" indent="-285750" algn="just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Click any of the following tabs: </a:t>
            </a:r>
          </a:p>
          <a:p>
            <a:pPr marL="830138" lvl="1" indent="-285750" algn="just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Header</a:t>
            </a:r>
          </a:p>
          <a:p>
            <a:pPr marL="830138" lvl="1" indent="-285750" algn="just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Header Tasks</a:t>
            </a:r>
          </a:p>
          <a:p>
            <a:pPr marL="830138" lvl="1" indent="-285750" algn="just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Header Activities</a:t>
            </a:r>
          </a:p>
          <a:p>
            <a:pPr marL="830138" lvl="1" indent="-285750" algn="just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Defects</a:t>
            </a:r>
          </a:p>
          <a:p>
            <a:pPr marL="830138" lvl="1" indent="-285750" algn="just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Defect Tasks</a:t>
            </a:r>
          </a:p>
          <a:p>
            <a:pPr marL="830138" lvl="1" indent="-285750" algn="just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Defect Activities</a:t>
            </a:r>
          </a:p>
          <a:p>
            <a:pPr marL="830138" lvl="1" indent="-285750" algn="just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Defect Causes</a:t>
            </a:r>
          </a:p>
          <a:p>
            <a:pPr marL="830138" lvl="1" indent="-285750" algn="just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Defect Additional Batches</a:t>
            </a:r>
          </a:p>
          <a:p>
            <a:pPr marL="285750" indent="-285750" algn="just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For existing rows, edit any columns that are shaded blue. Validation messages will be updated in log file for incorrect entries. Note: Don't edit any columns shaded white. Those values can't be updated. </a:t>
            </a:r>
            <a:endParaRPr lang="en-US" sz="1400" kern="0" dirty="0" err="1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82C1B2D-461A-4EC2-9375-736BD5E32F2D}"/>
              </a:ext>
            </a:extLst>
          </p:cNvPr>
          <p:cNvSpPr txBox="1"/>
          <p:nvPr/>
        </p:nvSpPr>
        <p:spPr>
          <a:xfrm>
            <a:off x="6683532" y="3007233"/>
            <a:ext cx="4851823" cy="107721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For Action columns, specify one of the following values: </a:t>
            </a:r>
          </a:p>
          <a:p>
            <a:pPr marL="830138" lvl="1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A = Add</a:t>
            </a:r>
          </a:p>
          <a:p>
            <a:pPr marL="830138" lvl="1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U = Update</a:t>
            </a:r>
          </a:p>
          <a:p>
            <a:pPr marL="830138" lvl="1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D = Delete</a:t>
            </a:r>
          </a:p>
          <a:p>
            <a:pPr marL="171450" indent="-1714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SG" sz="1400" dirty="0">
                <a:latin typeface="Calibri" panose="020F0502020204030204" pitchFamily="34" charset="0"/>
                <a:cs typeface="Calibri" panose="020F0502020204030204" pitchFamily="34" charset="0"/>
              </a:rPr>
              <a:t>When you are finished editing, save the file. </a:t>
            </a:r>
            <a:endParaRPr lang="en-US" sz="1400" kern="0" dirty="0" err="1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00552054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"/>
          <p:cNvSpPr>
            <a:spLocks noGrp="1"/>
          </p:cNvSpPr>
          <p:nvPr>
            <p:ph type="body" sz="quarter" idx="10"/>
          </p:nvPr>
        </p:nvSpPr>
        <p:spPr>
          <a:xfrm>
            <a:off x="524775" y="1195333"/>
            <a:ext cx="10080380" cy="4716000"/>
          </a:xfrm>
        </p:spPr>
        <p:txBody>
          <a:bodyPr>
            <a:normAutofit/>
          </a:bodyPr>
          <a:lstStyle/>
          <a:p>
            <a:pPr marL="285750" indent="-285750" algn="just" defTabSz="1219444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Buyers use quality notification to advise suppliers that the goods do not meet the quality standards required</a:t>
            </a:r>
          </a:p>
          <a:p>
            <a:pPr marL="285750" indent="-285750" algn="just" defTabSz="1219444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Suppliers and sub-contractors use quality notification as a record to provide details and resolution to their buyer about defects observed in products or sub-contracting components</a:t>
            </a:r>
          </a:p>
          <a:p>
            <a:pPr marL="285750" indent="-285750" algn="just" defTabSz="1219444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AU" sz="1400" dirty="0">
                <a:latin typeface="Calibri" panose="020F0502020204030204" pitchFamily="34" charset="0"/>
                <a:cs typeface="Calibri" panose="020F0502020204030204" pitchFamily="34" charset="0"/>
              </a:rPr>
              <a:t>A quality notification can be initiated by either the supplier or buyer:</a:t>
            </a:r>
          </a:p>
          <a:p>
            <a:pPr marL="1268413" lvl="4" indent="-285750" algn="just" defTabSz="1219444"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AU" dirty="0">
                <a:latin typeface="Calibri" panose="020F0502020204030204" pitchFamily="34" charset="0"/>
                <a:cs typeface="Calibri" panose="020F0502020204030204" pitchFamily="34" charset="0"/>
              </a:rPr>
              <a:t>The buyer notifies the supplier about problems with the finished product</a:t>
            </a:r>
          </a:p>
          <a:p>
            <a:pPr marL="1268413" lvl="4" indent="-285750" algn="just" defTabSz="1219444"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AU" dirty="0">
                <a:latin typeface="Calibri" panose="020F0502020204030204" pitchFamily="34" charset="0"/>
                <a:cs typeface="Calibri" panose="020F0502020204030204" pitchFamily="34" charset="0"/>
              </a:rPr>
              <a:t>Supplier notifies the buyer about problems with sub-contracting components that the customer has sent to the supplier</a:t>
            </a:r>
          </a:p>
          <a:p>
            <a:pPr marL="1268413" lvl="4" indent="-285750" algn="just" defTabSz="1219444">
              <a:spcBef>
                <a:spcPts val="0"/>
              </a:spcBef>
              <a:spcAft>
                <a:spcPts val="60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AU" dirty="0">
                <a:latin typeface="Calibri" panose="020F0502020204030204" pitchFamily="34" charset="0"/>
                <a:cs typeface="Calibri" panose="020F0502020204030204" pitchFamily="34" charset="0"/>
              </a:rPr>
              <a:t>Supplier or contract manufacturer notifies the buyer about problems during production</a:t>
            </a:r>
            <a:endParaRPr lang="en-AU" sz="13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/>
          </p:nvPr>
        </p:nvSpPr>
        <p:spPr>
          <a:xfrm>
            <a:off x="458787" y="457200"/>
            <a:ext cx="11183564" cy="369204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Introduction</a:t>
            </a:r>
            <a:endParaRPr lang="en-US" sz="1999" b="0" dirty="0">
              <a:latin typeface="Calibri Light (Headings)"/>
            </a:endParaRPr>
          </a:p>
        </p:txBody>
      </p:sp>
    </p:spTree>
    <p:extLst>
      <p:ext uri="{BB962C8B-B14F-4D97-AF65-F5344CB8AC3E}">
        <p14:creationId xmlns:p14="http://schemas.microsoft.com/office/powerpoint/2010/main" val="42108366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Picture 4">
            <a:extLst>
              <a:ext uri="{FF2B5EF4-FFF2-40B4-BE49-F238E27FC236}">
                <a16:creationId xmlns:a16="http://schemas.microsoft.com/office/drawing/2014/main" id="{E57017FD-376A-4F0A-BB89-23073AFF499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186669" y="1723335"/>
            <a:ext cx="3061172" cy="1139697"/>
          </a:xfrm>
          <a:prstGeom prst="rect">
            <a:avLst/>
          </a:prstGeom>
          <a:ln>
            <a:noFill/>
          </a:ln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3037C31-F27C-454E-BE4B-B3B1F95434C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37182" y="1723334"/>
            <a:ext cx="4207856" cy="4944530"/>
          </a:xfrm>
        </p:spPr>
        <p:txBody>
          <a:bodyPr>
            <a:normAutofit/>
          </a:bodyPr>
          <a:lstStyle/>
          <a:p>
            <a:pPr algn="just">
              <a:spcBef>
                <a:spcPts val="600"/>
              </a:spcBef>
              <a:buSzPct val="100000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From the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Uploads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sub-tab:</a:t>
            </a:r>
          </a:p>
          <a:p>
            <a:pPr marL="347472" indent="-347472" algn="just">
              <a:spcBef>
                <a:spcPts val="600"/>
              </a:spcBef>
              <a:buSzPct val="10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Upload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button. A new window will pop up.</a:t>
            </a:r>
          </a:p>
          <a:p>
            <a:pPr marL="347472" indent="-347472" algn="just">
              <a:spcBef>
                <a:spcPts val="600"/>
              </a:spcBef>
              <a:buSzPct val="10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Fulfill all mandatory fields and set type as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Quality Notification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</a:p>
          <a:p>
            <a:pPr marL="347472" indent="-347472" algn="just">
              <a:spcBef>
                <a:spcPts val="600"/>
              </a:spcBef>
              <a:buSzPct val="10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Choose file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and select the file.</a:t>
            </a:r>
          </a:p>
          <a:p>
            <a:pPr marL="347472" indent="-347472" algn="just">
              <a:spcBef>
                <a:spcPts val="600"/>
              </a:spcBef>
              <a:buSzPct val="10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Click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Upload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</a:p>
          <a:p>
            <a:pPr marL="347472" indent="-347472" algn="just">
              <a:spcBef>
                <a:spcPts val="600"/>
              </a:spcBef>
              <a:buFont typeface="+mj-lt"/>
              <a:buAutoNum type="arabicPeriod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347472" indent="-347472" algn="just">
              <a:spcBef>
                <a:spcPts val="600"/>
              </a:spcBef>
              <a:buFont typeface="+mj-lt"/>
              <a:buAutoNum type="arabicPeriod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15" name="Title 2">
            <a:extLst>
              <a:ext uri="{FF2B5EF4-FFF2-40B4-BE49-F238E27FC236}">
                <a16:creationId xmlns:a16="http://schemas.microsoft.com/office/drawing/2014/main" id="{C2156844-57B4-42D7-BD4D-B85469F696A2}"/>
              </a:ext>
            </a:extLst>
          </p:cNvPr>
          <p:cNvSpPr txBox="1">
            <a:spLocks/>
          </p:cNvSpPr>
          <p:nvPr/>
        </p:nvSpPr>
        <p:spPr bwMode="black">
          <a:xfrm>
            <a:off x="544715" y="486114"/>
            <a:ext cx="11183564" cy="692497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231" rtl="0" eaLnBrk="1" latinLnBrk="0" hangingPunct="1">
              <a:spcBef>
                <a:spcPct val="0"/>
              </a:spcBef>
              <a:buNone/>
              <a:defRPr sz="2399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400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sz="2400" spc="50" dirty="0">
                <a:solidFill>
                  <a:srgbClr val="FFFFFF"/>
                </a:solidFill>
                <a:latin typeface="Calibri Light (Headings)"/>
                <a:cs typeface="Arial" panose="020B0604020202020204" pitchFamily="34" charset="0"/>
              </a:rPr>
            </a:br>
            <a:r>
              <a:rPr lang="en-US" sz="2100" kern="0" dirty="0">
                <a:solidFill>
                  <a:srgbClr val="F0AB00"/>
                </a:solidFill>
                <a:latin typeface="Calibri Light (Headings)"/>
                <a:ea typeface="Arial Unicode MS" pitchFamily="34" charset="-128"/>
                <a:cs typeface="Arial Unicode MS" pitchFamily="34" charset="-128"/>
              </a:rPr>
              <a:t>Quality Notification Mass Update 4</a:t>
            </a:r>
            <a:endParaRPr lang="en-US" sz="2100" dirty="0">
              <a:solidFill>
                <a:schemeClr val="accent1"/>
              </a:solidFill>
              <a:latin typeface="Calibri Light (Headings)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375BEC62-42E7-4652-809A-A22222D15816}"/>
              </a:ext>
            </a:extLst>
          </p:cNvPr>
          <p:cNvSpPr/>
          <p:nvPr/>
        </p:nvSpPr>
        <p:spPr bwMode="gray">
          <a:xfrm>
            <a:off x="5526889" y="2183645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F15B9910-3680-4A96-AA91-85A255A348A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185571" y="3491070"/>
            <a:ext cx="6576021" cy="2299554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16ACD267-8CA4-4A8F-BAE7-63F20F83670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470136" y="3958038"/>
            <a:ext cx="274344" cy="323116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72CDDC1E-4B43-4A1E-8F2F-E0D41DDACC4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118735" y="3940453"/>
            <a:ext cx="2347163" cy="46333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B7AD9D9A-309E-46F0-BFBE-9F18FCAB22AE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735410" y="4778776"/>
            <a:ext cx="274344" cy="323116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5B59E600-1098-412B-B830-7F75CF547745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9963313" y="5473376"/>
            <a:ext cx="274344" cy="3231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51153309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3037C31-F27C-454E-BE4B-B3B1F95434C6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5804" y="1566779"/>
            <a:ext cx="9513685" cy="1862221"/>
          </a:xfrm>
        </p:spPr>
        <p:txBody>
          <a:bodyPr>
            <a:normAutofit/>
          </a:bodyPr>
          <a:lstStyle/>
          <a:p>
            <a:pPr marL="342900" indent="-342900" algn="just">
              <a:spcBef>
                <a:spcPts val="600"/>
              </a:spcBef>
              <a:buSzPct val="100000"/>
              <a:buFont typeface="+mj-lt"/>
              <a:buAutoNum type="arabicPeriod" startAt="5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he status column displays whether upload was successful or not:</a:t>
            </a:r>
          </a:p>
          <a:p>
            <a:pPr marL="522810" lvl="1" indent="-342900" algn="just"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If upload is successful, the status will turn into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Completed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 Quality notifications will be updated accordingly.</a:t>
            </a:r>
          </a:p>
          <a:p>
            <a:pPr marL="522810" lvl="1" indent="-342900" algn="just"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If the status changes to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Failed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, you need to download the audit log to view the errors.</a:t>
            </a:r>
          </a:p>
          <a:p>
            <a:pPr marL="342900" indent="-342900" algn="just">
              <a:spcBef>
                <a:spcPts val="600"/>
              </a:spcBef>
              <a:buSzPct val="100000"/>
              <a:buFont typeface="+mj-lt"/>
              <a:buAutoNum type="arabicPeriod" startAt="5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always download uploaded file by clicking  the blue arrow in the File column. Correct the errors.</a:t>
            </a:r>
          </a:p>
          <a:p>
            <a:pPr algn="just">
              <a:spcBef>
                <a:spcPts val="60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Reupload the corrected file by following the previous steps.</a:t>
            </a:r>
          </a:p>
        </p:txBody>
      </p:sp>
      <p:sp>
        <p:nvSpPr>
          <p:cNvPr id="16" name="Title 2">
            <a:extLst>
              <a:ext uri="{FF2B5EF4-FFF2-40B4-BE49-F238E27FC236}">
                <a16:creationId xmlns:a16="http://schemas.microsoft.com/office/drawing/2014/main" id="{631AD8B8-62BE-4A6A-9EA1-BA7D1558C09E}"/>
              </a:ext>
            </a:extLst>
          </p:cNvPr>
          <p:cNvSpPr txBox="1">
            <a:spLocks/>
          </p:cNvSpPr>
          <p:nvPr/>
        </p:nvSpPr>
        <p:spPr bwMode="black">
          <a:xfrm>
            <a:off x="505805" y="505569"/>
            <a:ext cx="11183564" cy="69236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1088231" rtl="0" eaLnBrk="1" latinLnBrk="0" hangingPunct="1">
              <a:spcBef>
                <a:spcPct val="0"/>
              </a:spcBef>
              <a:buNone/>
              <a:defRPr sz="2399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Maintain Quality Notification</a:t>
            </a:r>
            <a:br>
              <a:rPr lang="en-US" dirty="0">
                <a:latin typeface="Calibri Light (Headings)"/>
              </a:rPr>
            </a:br>
            <a:r>
              <a:rPr lang="en-US" sz="2100" kern="0" dirty="0">
                <a:solidFill>
                  <a:srgbClr val="F0AB00"/>
                </a:solidFill>
                <a:latin typeface="Calibri Light (Headings)"/>
                <a:ea typeface="Arial Unicode MS" pitchFamily="34" charset="-128"/>
                <a:cs typeface="Arial Unicode MS" pitchFamily="34" charset="-128"/>
              </a:rPr>
              <a:t>Quality Notification Mass Update 5</a:t>
            </a:r>
            <a:endParaRPr lang="en-US" sz="2100" dirty="0">
              <a:solidFill>
                <a:schemeClr val="accent1"/>
              </a:solidFill>
              <a:latin typeface="Calibri Light (Headings)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427334BE-4BDE-4DE6-9FB7-519B2F12A33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65896" y="3518844"/>
            <a:ext cx="8797290" cy="243861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E5139622-985E-4B57-B1BD-86CDEB7077E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880503" y="4726959"/>
            <a:ext cx="274344" cy="329213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7FE65AA1-DF1F-400F-BEC2-BF9471BDC32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734672" y="4738149"/>
            <a:ext cx="274344" cy="3231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1049042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extBox 12"/>
          <p:cNvSpPr txBox="1"/>
          <p:nvPr/>
        </p:nvSpPr>
        <p:spPr>
          <a:xfrm>
            <a:off x="524398" y="1716997"/>
            <a:ext cx="10954240" cy="2339437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noAutofit/>
          </a:bodyPr>
          <a:lstStyle/>
          <a:p>
            <a:pPr marL="342900" indent="-342900" algn="just">
              <a:lnSpc>
                <a:spcPts val="1700"/>
              </a:lnSpc>
              <a:spcAft>
                <a:spcPts val="600"/>
              </a:spcAft>
              <a:buClr>
                <a:schemeClr val="accent1"/>
              </a:buClr>
              <a:buSzPct val="100000"/>
              <a:buFont typeface="+mj-lt"/>
              <a:buAutoNum type="arabicPeriod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Change the Status of QN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from In-Process to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Completed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 </a:t>
            </a:r>
          </a:p>
          <a:p>
            <a:pPr algn="just">
              <a:lnSpc>
                <a:spcPts val="1700"/>
              </a:lnSpc>
              <a:spcAft>
                <a:spcPts val="600"/>
              </a:spcAft>
              <a:buClr>
                <a:schemeClr val="accent1"/>
              </a:buClr>
              <a:buSzPct val="80000"/>
            </a:pPr>
            <a:r>
              <a:rPr lang="en-US" sz="1400" b="1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rerequisite: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need to complete all open tasks in order for the overall QN status to be changed to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Completed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 Click Publish button to send QN to </a:t>
            </a:r>
            <a:r>
              <a:rPr lang="pl-PL" sz="1400" dirty="0">
                <a:latin typeface="Calibri" panose="020F0502020204030204" pitchFamily="34" charset="0"/>
                <a:cs typeface="Calibri" panose="020F0502020204030204" pitchFamily="34" charset="0"/>
              </a:rPr>
              <a:t>c</a:t>
            </a:r>
            <a:r>
              <a:rPr lang="en-US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ustomer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system.</a:t>
            </a:r>
          </a:p>
          <a:p>
            <a:pPr algn="just">
              <a:lnSpc>
                <a:spcPts val="1700"/>
              </a:lnSpc>
              <a:spcAft>
                <a:spcPts val="600"/>
              </a:spcAft>
              <a:buClr>
                <a:schemeClr val="accent5"/>
              </a:buClr>
              <a:buSzPct val="120000"/>
            </a:pPr>
            <a:r>
              <a:rPr lang="en-US" sz="1400" b="1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Note:</a:t>
            </a:r>
          </a:p>
          <a:p>
            <a:pPr marL="285750" indent="-285750" algn="just">
              <a:lnSpc>
                <a:spcPts val="1700"/>
              </a:lnSpc>
              <a:spcAft>
                <a:spcPts val="600"/>
              </a:spcAft>
              <a:buClr>
                <a:schemeClr val="accent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After QN status is changed to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Completed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, the edit option is no longer available. If suppliers considers QN needs to be updated, supplier should contact</a:t>
            </a:r>
            <a:r>
              <a:rPr lang="pl-PL" sz="1400" dirty="0">
                <a:latin typeface="Calibri" panose="020F0502020204030204" pitchFamily="34" charset="0"/>
                <a:cs typeface="Calibri" panose="020F0502020204030204" pitchFamily="34" charset="0"/>
              </a:rPr>
              <a:t> c</a:t>
            </a:r>
            <a:r>
              <a:rPr lang="en-US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ustomer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</a:p>
          <a:p>
            <a:pPr marL="285750" indent="-285750" algn="just">
              <a:lnSpc>
                <a:spcPts val="1700"/>
              </a:lnSpc>
              <a:spcAft>
                <a:spcPts val="600"/>
              </a:spcAft>
              <a:buClr>
                <a:schemeClr val="accent1"/>
              </a:buClr>
              <a:buSzPct val="10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Only </a:t>
            </a:r>
            <a:r>
              <a:rPr lang="pl-PL" sz="1400" dirty="0">
                <a:latin typeface="Calibri" panose="020F0502020204030204" pitchFamily="34" charset="0"/>
                <a:cs typeface="Calibri" panose="020F0502020204030204" pitchFamily="34" charset="0"/>
              </a:rPr>
              <a:t>c</a:t>
            </a:r>
            <a:r>
              <a:rPr lang="en-US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ustomer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can initiate QN cancellation. If supplier considers QN needs to be cancelled, supplier should contact</a:t>
            </a:r>
            <a:r>
              <a:rPr lang="pl-PL" sz="1400" dirty="0">
                <a:latin typeface="Calibri" panose="020F0502020204030204" pitchFamily="34" charset="0"/>
                <a:cs typeface="Calibri" panose="020F0502020204030204" pitchFamily="34" charset="0"/>
              </a:rPr>
              <a:t> c</a:t>
            </a:r>
            <a:r>
              <a:rPr lang="en-US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ustomer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</a:p>
          <a:p>
            <a:pPr marL="285750" indent="-285750" algn="just">
              <a:lnSpc>
                <a:spcPts val="1700"/>
              </a:lnSpc>
              <a:spcAft>
                <a:spcPts val="600"/>
              </a:spcAft>
              <a:buClr>
                <a:schemeClr val="accent1"/>
              </a:buClr>
              <a:buSzPct val="12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When </a:t>
            </a:r>
            <a:r>
              <a:rPr lang="pl-PL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your</a:t>
            </a:r>
            <a:r>
              <a:rPr lang="pl-PL" sz="1400" dirty="0">
                <a:latin typeface="Calibri" panose="020F0502020204030204" pitchFamily="34" charset="0"/>
                <a:cs typeface="Calibri" panose="020F0502020204030204" pitchFamily="34" charset="0"/>
              </a:rPr>
              <a:t> c</a:t>
            </a:r>
            <a:r>
              <a:rPr lang="en-US" sz="1400" dirty="0" err="1">
                <a:latin typeface="Calibri" panose="020F0502020204030204" pitchFamily="34" charset="0"/>
                <a:cs typeface="Calibri" panose="020F0502020204030204" pitchFamily="34" charset="0"/>
              </a:rPr>
              <a:t>ustomer</a:t>
            </a:r>
            <a:r>
              <a:rPr lang="pl-PL" sz="1400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accepts and completes QN, the status on the Portal will be changed to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Closed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</a:p>
          <a:p>
            <a:pPr algn="just">
              <a:lnSpc>
                <a:spcPts val="1700"/>
              </a:lnSpc>
              <a:spcAft>
                <a:spcPts val="600"/>
              </a:spcAft>
              <a:buClr>
                <a:schemeClr val="accent5"/>
              </a:buClr>
              <a:buSzPct val="120000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>
              <a:lnSpc>
                <a:spcPts val="1700"/>
              </a:lnSpc>
              <a:spcAft>
                <a:spcPts val="600"/>
              </a:spcAft>
              <a:buClr>
                <a:srgbClr val="F0AB00"/>
              </a:buClr>
              <a:buSzPct val="120000"/>
            </a:pPr>
            <a:r>
              <a:rPr lang="en-US" sz="1400" b="1" dirty="0">
                <a:solidFill>
                  <a:srgbClr val="000000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</a:p>
          <a:p>
            <a:pPr algn="just">
              <a:lnSpc>
                <a:spcPts val="1700"/>
              </a:lnSpc>
              <a:spcAft>
                <a:spcPts val="600"/>
              </a:spcAft>
              <a:buClr>
                <a:srgbClr val="F0AB00"/>
              </a:buClr>
              <a:buSzPct val="120000"/>
            </a:pPr>
            <a:endParaRPr lang="en-US" sz="1400" b="1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>
              <a:lnSpc>
                <a:spcPts val="1700"/>
              </a:lnSpc>
              <a:spcAft>
                <a:spcPts val="600"/>
              </a:spcAft>
              <a:buClr>
                <a:srgbClr val="F0AB00"/>
              </a:buClr>
              <a:buSzPct val="120000"/>
            </a:pPr>
            <a:endParaRPr lang="en-US" sz="1400" b="1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>
              <a:lnSpc>
                <a:spcPts val="1700"/>
              </a:lnSpc>
              <a:spcAft>
                <a:spcPts val="600"/>
              </a:spcAft>
              <a:buClr>
                <a:srgbClr val="F0AB00"/>
              </a:buClr>
              <a:buSzPct val="120000"/>
            </a:pPr>
            <a:endParaRPr lang="en-US" sz="1400" b="1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>
              <a:lnSpc>
                <a:spcPts val="1700"/>
              </a:lnSpc>
              <a:spcAft>
                <a:spcPts val="600"/>
              </a:spcAft>
              <a:buClr>
                <a:srgbClr val="F0AB00"/>
              </a:buClr>
              <a:buSzPct val="120000"/>
            </a:pPr>
            <a:endParaRPr lang="en-US" sz="1400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>
              <a:lnSpc>
                <a:spcPts val="1700"/>
              </a:lnSpc>
              <a:spcAft>
                <a:spcPts val="600"/>
              </a:spcAft>
              <a:buClr>
                <a:srgbClr val="F0AB00"/>
              </a:buClr>
              <a:buSzPct val="120000"/>
            </a:pPr>
            <a:endParaRPr lang="en-US" sz="1400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800100" lvl="1" indent="-342900" algn="just">
              <a:lnSpc>
                <a:spcPts val="1700"/>
              </a:lnSpc>
              <a:spcAft>
                <a:spcPts val="600"/>
              </a:spcAft>
              <a:buClr>
                <a:srgbClr val="F0AB00"/>
              </a:buClr>
              <a:buSzPct val="120000"/>
              <a:buFont typeface="Arial" panose="020B0604020202020204" pitchFamily="34" charset="0"/>
              <a:buChar char="•"/>
            </a:pPr>
            <a:endParaRPr lang="en-US" sz="1400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800100" lvl="1" indent="-342900" algn="just">
              <a:lnSpc>
                <a:spcPts val="1700"/>
              </a:lnSpc>
              <a:spcAft>
                <a:spcPts val="600"/>
              </a:spcAft>
              <a:buClr>
                <a:srgbClr val="F0AB00"/>
              </a:buClr>
              <a:buSzPct val="120000"/>
              <a:buFont typeface="Arial" panose="020B0604020202020204" pitchFamily="34" charset="0"/>
              <a:buChar char="•"/>
            </a:pPr>
            <a:endParaRPr lang="en-US" sz="1400" b="1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800100" lvl="1" indent="-342900" algn="just">
              <a:lnSpc>
                <a:spcPts val="1700"/>
              </a:lnSpc>
              <a:spcAft>
                <a:spcPts val="600"/>
              </a:spcAft>
              <a:buClr>
                <a:srgbClr val="F0AB00"/>
              </a:buClr>
              <a:buSzPct val="120000"/>
              <a:buFont typeface="Arial" panose="020B0604020202020204" pitchFamily="34" charset="0"/>
              <a:buChar char="•"/>
            </a:pPr>
            <a:endParaRPr lang="en-US" sz="1400" b="1" dirty="0">
              <a:solidFill>
                <a:srgbClr val="0000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8787" y="457238"/>
            <a:ext cx="8496000" cy="369204"/>
          </a:xfrm>
        </p:spPr>
        <p:txBody>
          <a:bodyPr/>
          <a:lstStyle/>
          <a:p>
            <a:r>
              <a:rPr lang="en-US" spc="50" dirty="0">
                <a:latin typeface="Calibri Light (Headings)"/>
                <a:cs typeface="Arial" panose="020B0604020202020204" pitchFamily="34" charset="0"/>
              </a:rPr>
              <a:t>Complete and Publish Quality Notification</a:t>
            </a:r>
            <a:endParaRPr lang="en-US" sz="1800" spc="50" dirty="0">
              <a:solidFill>
                <a:schemeClr val="accent1"/>
              </a:solidFill>
              <a:latin typeface="Calibri Light (Headings)"/>
              <a:cs typeface="Arial" panose="020B0604020202020204" pitchFamily="34" charset="0"/>
            </a:endParaRPr>
          </a:p>
        </p:txBody>
      </p:sp>
      <p:sp>
        <p:nvSpPr>
          <p:cNvPr id="20" name="TextBox 19"/>
          <p:cNvSpPr txBox="1"/>
          <p:nvPr/>
        </p:nvSpPr>
        <p:spPr>
          <a:xfrm>
            <a:off x="524399" y="1108228"/>
            <a:ext cx="5563382" cy="446276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dirty="0">
                <a:solidFill>
                  <a:schemeClr val="accent5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Please verify that all required fields are provided before changing the status to Completed</a:t>
            </a:r>
            <a:r>
              <a:rPr lang="pl-PL" sz="1200" dirty="0">
                <a:solidFill>
                  <a:schemeClr val="accent5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.</a:t>
            </a:r>
            <a:r>
              <a:rPr lang="en-US" sz="1200" dirty="0">
                <a:solidFill>
                  <a:schemeClr val="accent5"/>
                </a:solidFill>
                <a:latin typeface="Calibri Light" panose="020F0302020204030204" pitchFamily="34" charset="0"/>
                <a:cs typeface="Calibri Light" panose="020F0302020204030204" pitchFamily="34" charset="0"/>
              </a:rPr>
              <a:t> </a:t>
            </a:r>
          </a:p>
          <a:p>
            <a:pPr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200" kern="0" dirty="0" err="1">
              <a:latin typeface="Calibri Light" panose="020F0302020204030204" pitchFamily="34" charset="0"/>
              <a:ea typeface="Arial Unicode MS" pitchFamily="34" charset="-128"/>
              <a:cs typeface="Calibri Light" panose="020F0302020204030204" pitchFamily="34" charset="0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E0C5E6A9-70BA-4C02-AA1B-651DDF617ED3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r="9747"/>
          <a:stretch/>
        </p:blipFill>
        <p:spPr>
          <a:xfrm>
            <a:off x="524398" y="4460768"/>
            <a:ext cx="11003622" cy="1917616"/>
          </a:xfrm>
          <a:prstGeom prst="rect">
            <a:avLst/>
          </a:prstGeom>
        </p:spPr>
      </p:pic>
      <p:sp>
        <p:nvSpPr>
          <p:cNvPr id="10" name="Oval 9">
            <a:extLst>
              <a:ext uri="{FF2B5EF4-FFF2-40B4-BE49-F238E27FC236}">
                <a16:creationId xmlns:a16="http://schemas.microsoft.com/office/drawing/2014/main" id="{F948AE8A-982E-453A-810B-FBB2422CF28F}"/>
              </a:ext>
            </a:extLst>
          </p:cNvPr>
          <p:cNvSpPr/>
          <p:nvPr/>
        </p:nvSpPr>
        <p:spPr bwMode="gray">
          <a:xfrm>
            <a:off x="9558544" y="5901656"/>
            <a:ext cx="220267" cy="219075"/>
          </a:xfrm>
          <a:prstGeom prst="ellipse">
            <a:avLst/>
          </a:prstGeom>
          <a:solidFill>
            <a:schemeClr val="accent1"/>
          </a:solidFill>
          <a:ln w="635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200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</p:spTree>
    <p:extLst>
      <p:ext uri="{BB962C8B-B14F-4D97-AF65-F5344CB8AC3E}">
        <p14:creationId xmlns:p14="http://schemas.microsoft.com/office/powerpoint/2010/main" val="30760722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8787" y="457200"/>
            <a:ext cx="8496000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Search and Review Published Quality Notification 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Search filters</a:t>
            </a:r>
          </a:p>
        </p:txBody>
      </p:sp>
      <p:sp>
        <p:nvSpPr>
          <p:cNvPr id="19" name="TextBox 18"/>
          <p:cNvSpPr txBox="1"/>
          <p:nvPr/>
        </p:nvSpPr>
        <p:spPr>
          <a:xfrm>
            <a:off x="356177" y="1429523"/>
            <a:ext cx="5114684" cy="3962367"/>
          </a:xfrm>
          <a:prstGeom prst="rect">
            <a:avLst/>
          </a:prstGeom>
          <a:solidFill>
            <a:schemeClr val="bg1"/>
          </a:solidFill>
        </p:spPr>
        <p:txBody>
          <a:bodyPr wrap="square" lIns="91440" tIns="0" rIns="91440" bIns="0" rtlCol="0">
            <a:spAutoFit/>
          </a:bodyPr>
          <a:lstStyle/>
          <a:p>
            <a:pPr algn="just" fontAlgn="base">
              <a:lnSpc>
                <a:spcPct val="150000"/>
              </a:lnSpc>
              <a:spcAft>
                <a:spcPts val="600"/>
              </a:spcAft>
              <a:buClr>
                <a:schemeClr val="accent1"/>
              </a:buClr>
              <a:buSzPct val="80000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rom the Homepage:</a:t>
            </a:r>
          </a:p>
          <a:p>
            <a:pPr marL="342900" indent="-342900" algn="just" fontAlgn="base">
              <a:lnSpc>
                <a:spcPct val="150000"/>
              </a:lnSpc>
              <a:spcAft>
                <a:spcPts val="600"/>
              </a:spcAft>
              <a:buClr>
                <a:schemeClr val="accent1"/>
              </a:buClr>
              <a:buSzPct val="8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lick on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Quality &gt; Notification.</a:t>
            </a:r>
          </a:p>
          <a:p>
            <a:pPr marL="342900" indent="-342900" algn="just" fontAlgn="base">
              <a:lnSpc>
                <a:spcPct val="150000"/>
              </a:lnSpc>
              <a:spcAft>
                <a:spcPts val="600"/>
              </a:spcAft>
              <a:buClr>
                <a:schemeClr val="accent1"/>
              </a:buClr>
              <a:buSzPct val="8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pand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 Search Filters.</a:t>
            </a:r>
            <a:endParaRPr lang="en-US" sz="14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  <a:p>
            <a:pPr marL="342900" indent="-342900" algn="just" fontAlgn="base">
              <a:lnSpc>
                <a:spcPct val="150000"/>
              </a:lnSpc>
              <a:spcAft>
                <a:spcPts val="600"/>
              </a:spcAft>
              <a:buClr>
                <a:schemeClr val="accent1"/>
              </a:buClr>
              <a:buSzPct val="8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Fill in the search criteria. You can use the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Partial match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or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act match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ub filters to search for a partial or an exact match on the Supplier deviation no. and Customer deviation no. </a:t>
            </a:r>
          </a:p>
          <a:p>
            <a:pPr marL="342900" indent="-342900" algn="just" fontAlgn="base">
              <a:lnSpc>
                <a:spcPct val="150000"/>
              </a:lnSpc>
              <a:spcAft>
                <a:spcPts val="600"/>
              </a:spcAft>
              <a:buClr>
                <a:schemeClr val="accent1"/>
              </a:buClr>
              <a:buSzPct val="8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When the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Exact match 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ub filter is selected for the Supplier deviation no. or the Customer deviation no. filter, only that filter and the Customer filter will display.</a:t>
            </a:r>
          </a:p>
          <a:p>
            <a:pPr marL="342900" indent="-342900" algn="just" fontAlgn="base">
              <a:lnSpc>
                <a:spcPct val="150000"/>
              </a:lnSpc>
              <a:spcAft>
                <a:spcPts val="600"/>
              </a:spcAft>
              <a:buClr>
                <a:schemeClr val="accent1"/>
              </a:buClr>
              <a:buSzPct val="80000"/>
              <a:buFont typeface="+mj-lt"/>
              <a:buAutoNum type="arabicPeriod"/>
            </a:pP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Click </a:t>
            </a:r>
            <a:r>
              <a:rPr lang="en-US" sz="1400" b="1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Search</a:t>
            </a:r>
            <a:r>
              <a:rPr lang="en-US" sz="1400" kern="0" dirty="0">
                <a:latin typeface="Calibri" panose="020F0502020204030204" pitchFamily="34" charset="0"/>
                <a:ea typeface="Arial Unicode MS" pitchFamily="34" charset="-128"/>
                <a:cs typeface="Calibri" panose="020F0502020204030204" pitchFamily="34" charset="0"/>
              </a:rPr>
              <a:t>. Matching results will appear.</a:t>
            </a:r>
          </a:p>
          <a:p>
            <a:pPr marL="342900" indent="-342900" algn="just" fontAlgn="base">
              <a:lnSpc>
                <a:spcPct val="150000"/>
              </a:lnSpc>
              <a:spcAft>
                <a:spcPts val="600"/>
              </a:spcAft>
              <a:buClr>
                <a:srgbClr val="F0AB00"/>
              </a:buClr>
              <a:buSzPct val="80000"/>
              <a:buFont typeface="+mj-lt"/>
              <a:buAutoNum type="arabicPeriod"/>
            </a:pPr>
            <a:endParaRPr lang="en-US" sz="13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6C2DEAD0-CC3E-C2D6-11A5-633B0907325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181666" y="1429523"/>
            <a:ext cx="3863946" cy="720174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DE17EE46-D265-83FB-2772-567F2A7EA8D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701110" y="2146731"/>
            <a:ext cx="689004" cy="195955"/>
          </a:xfrm>
          <a:prstGeom prst="rect">
            <a:avLst/>
          </a:prstGeom>
        </p:spPr>
      </p:pic>
      <p:pic>
        <p:nvPicPr>
          <p:cNvPr id="27" name="Picture 26">
            <a:extLst>
              <a:ext uri="{FF2B5EF4-FFF2-40B4-BE49-F238E27FC236}">
                <a16:creationId xmlns:a16="http://schemas.microsoft.com/office/drawing/2014/main" id="{8F944B66-DDEB-28FE-AB4D-9F66C133089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471645" y="1989977"/>
            <a:ext cx="274344" cy="32921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B605EF7A-7255-F56F-8FCC-5C20591AE6D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181666" y="2381898"/>
            <a:ext cx="5657332" cy="2418014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A065C893-E9D8-99EF-8BFF-83CF2077FD3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181666" y="4877844"/>
            <a:ext cx="4980802" cy="1721722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ADF6A36A-E0B0-7692-8741-05D8300845EF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6097587" y="2566530"/>
            <a:ext cx="274344" cy="32311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E5A501B7-0245-5FF8-3E60-4AF8F7E80203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181666" y="3759533"/>
            <a:ext cx="274344" cy="323116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2B5857CF-C1BB-C4C3-D527-3EDC21D7A3D7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185384" y="5632453"/>
            <a:ext cx="274344" cy="323116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E07F2DA6-175F-A1E0-79B2-AF4261F38676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10252942" y="6129087"/>
            <a:ext cx="274344" cy="3292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02576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458787" y="457200"/>
            <a:ext cx="8496000" cy="692497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Search and Review Published Quality Notification </a:t>
            </a:r>
            <a:br>
              <a:rPr lang="en-US" spc="50" dirty="0">
                <a:latin typeface="Calibri Light (Headings)"/>
                <a:cs typeface="Arial" panose="020B0604020202020204" pitchFamily="34" charset="0"/>
              </a:rPr>
            </a:br>
            <a:r>
              <a:rPr lang="en-US" sz="2100" spc="50" dirty="0">
                <a:solidFill>
                  <a:schemeClr val="accent1"/>
                </a:solidFill>
                <a:latin typeface="Calibri Light (Headings)"/>
                <a:cs typeface="Arial" panose="020B0604020202020204" pitchFamily="34" charset="0"/>
              </a:rPr>
              <a:t>Review QN</a:t>
            </a:r>
          </a:p>
        </p:txBody>
      </p:sp>
      <p:sp>
        <p:nvSpPr>
          <p:cNvPr id="19" name="TextBox 18"/>
          <p:cNvSpPr txBox="1"/>
          <p:nvPr/>
        </p:nvSpPr>
        <p:spPr>
          <a:xfrm>
            <a:off x="321615" y="1449641"/>
            <a:ext cx="7003313" cy="1954381"/>
          </a:xfrm>
          <a:prstGeom prst="rect">
            <a:avLst/>
          </a:prstGeom>
          <a:solidFill>
            <a:schemeClr val="bg1"/>
          </a:solidFill>
        </p:spPr>
        <p:txBody>
          <a:bodyPr wrap="square" lIns="91440" tIns="0" rIns="91440" bIns="0" rtlCol="0">
            <a:spAutoFit/>
          </a:bodyPr>
          <a:lstStyle/>
          <a:p>
            <a:pPr marL="342900" indent="-342900">
              <a:spcAft>
                <a:spcPts val="600"/>
              </a:spcAft>
              <a:buClr>
                <a:schemeClr val="accent1"/>
              </a:buClr>
              <a:buSzPct val="80000"/>
              <a:buFont typeface="+mj-lt"/>
              <a:buAutoNum type="arabicPeriod" startAt="6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open and review QN by clicking on the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Supplier deviation number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</a:t>
            </a:r>
          </a:p>
          <a:p>
            <a:pPr marL="342900" indent="-342900">
              <a:spcAft>
                <a:spcPts val="600"/>
              </a:spcAft>
              <a:buClr>
                <a:schemeClr val="accent1"/>
              </a:buClr>
              <a:buSzPct val="80000"/>
              <a:buFont typeface="+mj-lt"/>
              <a:buAutoNum type="arabicPeriod" startAt="6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You can configure your QN table view by clicking the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configure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icon. </a:t>
            </a:r>
          </a:p>
          <a:p>
            <a:pPr marL="342900" indent="-342900">
              <a:spcAft>
                <a:spcPts val="600"/>
              </a:spcAft>
              <a:buClr>
                <a:schemeClr val="accent1"/>
              </a:buClr>
              <a:buSzPct val="80000"/>
              <a:buFont typeface="+mj-lt"/>
              <a:buAutoNum type="arabicPeriod" startAt="6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upplier action value is automatically determined on the Portal:</a:t>
            </a:r>
          </a:p>
          <a:p>
            <a:pPr marL="800100" lvl="1" indent="-342900">
              <a:spcAft>
                <a:spcPts val="60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Pending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– requires supplier action, since Customer updated QN.</a:t>
            </a:r>
          </a:p>
          <a:p>
            <a:pPr marL="800100" lvl="1" indent="-342900">
              <a:spcAft>
                <a:spcPts val="60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Responded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–  last update performed by supplier</a:t>
            </a:r>
          </a:p>
          <a:p>
            <a:pPr marL="800100" lvl="1" indent="-342900">
              <a:spcAft>
                <a:spcPts val="60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None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– refers to a notification with a status Closed </a:t>
            </a:r>
          </a:p>
          <a:p>
            <a:pPr marL="342900" indent="-342900" fontAlgn="base">
              <a:spcAft>
                <a:spcPts val="600"/>
              </a:spcAft>
              <a:buClr>
                <a:srgbClr val="F0AB00"/>
              </a:buClr>
              <a:buSzPct val="80000"/>
              <a:buFont typeface="+mj-lt"/>
              <a:buAutoNum type="arabicPeriod" startAt="6"/>
            </a:pPr>
            <a:endParaRPr lang="en-US" sz="1300" kern="0" dirty="0">
              <a:latin typeface="Calibri" panose="020F0502020204030204" pitchFamily="34" charset="0"/>
              <a:ea typeface="Arial Unicode MS" pitchFamily="34" charset="-128"/>
              <a:cs typeface="Calibri" panose="020F0502020204030204" pitchFamily="34" charset="0"/>
            </a:endParaRPr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DA78713F-FEAA-4E71-813F-4D78D61E76A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93338" y="4506258"/>
            <a:ext cx="11390616" cy="1685811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3846E04A-890C-4FCC-8049-AEF777A8193B}"/>
              </a:ext>
            </a:extLst>
          </p:cNvPr>
          <p:cNvSpPr/>
          <p:nvPr/>
        </p:nvSpPr>
        <p:spPr bwMode="gray">
          <a:xfrm>
            <a:off x="5839011" y="4523463"/>
            <a:ext cx="599349" cy="1668606"/>
          </a:xfrm>
          <a:prstGeom prst="rect">
            <a:avLst/>
          </a:prstGeom>
          <a:noFill/>
          <a:ln w="2540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76BF2F8-A644-4ACC-9AE7-5A3D00FEAEE7}"/>
              </a:ext>
            </a:extLst>
          </p:cNvPr>
          <p:cNvSpPr/>
          <p:nvPr/>
        </p:nvSpPr>
        <p:spPr bwMode="gray">
          <a:xfrm>
            <a:off x="493338" y="4515314"/>
            <a:ext cx="870323" cy="1668607"/>
          </a:xfrm>
          <a:prstGeom prst="rect">
            <a:avLst/>
          </a:prstGeom>
          <a:noFill/>
          <a:ln w="2540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6F24F8ED-0D68-4554-8A61-8CB981695E6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21615" y="4256167"/>
            <a:ext cx="274344" cy="323116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14504D8A-9BF4-5A22-DFB4-6F6360186FA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378763" y="4033644"/>
            <a:ext cx="469433" cy="384081"/>
          </a:xfrm>
          <a:prstGeom prst="rect">
            <a:avLst/>
          </a:prstGeom>
        </p:spPr>
      </p:pic>
      <p:pic>
        <p:nvPicPr>
          <p:cNvPr id="14" name="Picture 13">
            <a:extLst>
              <a:ext uri="{FF2B5EF4-FFF2-40B4-BE49-F238E27FC236}">
                <a16:creationId xmlns:a16="http://schemas.microsoft.com/office/drawing/2014/main" id="{95855FAF-3EE2-75D9-B243-27D8FFBACC0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1165461" y="4057841"/>
            <a:ext cx="274344" cy="323116"/>
          </a:xfrm>
          <a:prstGeom prst="rect">
            <a:avLst/>
          </a:prstGeom>
        </p:spPr>
      </p:pic>
      <p:pic>
        <p:nvPicPr>
          <p:cNvPr id="15" name="Picture 14">
            <a:extLst>
              <a:ext uri="{FF2B5EF4-FFF2-40B4-BE49-F238E27FC236}">
                <a16:creationId xmlns:a16="http://schemas.microsoft.com/office/drawing/2014/main" id="{300DCB71-9B58-BE2D-8F4A-15BFEB43419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636887" y="4259385"/>
            <a:ext cx="274344" cy="3292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26046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9F117-950A-402E-8FF7-3B6F8B4119D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58788" y="1314551"/>
            <a:ext cx="10027629" cy="4228899"/>
          </a:xfrm>
        </p:spPr>
        <p:txBody>
          <a:bodyPr>
            <a:normAutofit/>
          </a:bodyPr>
          <a:lstStyle/>
          <a:p>
            <a:pPr algn="just">
              <a:lnSpc>
                <a:spcPct val="150000"/>
              </a:lnSpc>
              <a:spcBef>
                <a:spcPts val="0"/>
              </a:spcBef>
              <a:spcAft>
                <a:spcPts val="600"/>
              </a:spcAft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he following limitations may apply to quality notifications: </a:t>
            </a:r>
          </a:p>
          <a:p>
            <a:pPr marL="285750" indent="-285750" algn="just">
              <a:lnSpc>
                <a:spcPct val="150000"/>
              </a:lnSpc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AP Business Network does not support multi-tier quality notifications. So, quality notifications are not copied to tier two suppliers or lower tier suppliers in a multi-tier supply chain.</a:t>
            </a:r>
          </a:p>
          <a:p>
            <a:pPr marL="285750" indent="-285750" algn="just">
              <a:lnSpc>
                <a:spcPct val="150000"/>
              </a:lnSpc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A quality notification applies to one PO line item only. It cannot apply to multiple items.</a:t>
            </a:r>
          </a:p>
          <a:p>
            <a:pPr indent="-342797">
              <a:lnSpc>
                <a:spcPct val="150000"/>
              </a:lnSpc>
              <a:spcBef>
                <a:spcPts val="0"/>
              </a:spcBef>
              <a:buFont typeface="+mj-lt"/>
              <a:buAutoNum type="arabicPeriod"/>
            </a:pPr>
            <a:endParaRPr lang="en-US" sz="1300" dirty="0">
              <a:solidFill>
                <a:srgbClr val="FFFF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AF0A17B-3EE2-4F69-B414-0FB7227000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0"/>
            <a:ext cx="11183564" cy="369332"/>
          </a:xfrm>
        </p:spPr>
        <p:txBody>
          <a:bodyPr/>
          <a:lstStyle/>
          <a:p>
            <a:r>
              <a:rPr lang="en-US" noProof="0" dirty="0">
                <a:latin typeface="Calibri Light (Headings)"/>
              </a:rPr>
              <a:t>Limitations</a:t>
            </a:r>
          </a:p>
        </p:txBody>
      </p:sp>
    </p:spTree>
    <p:extLst>
      <p:ext uri="{BB962C8B-B14F-4D97-AF65-F5344CB8AC3E}">
        <p14:creationId xmlns:p14="http://schemas.microsoft.com/office/powerpoint/2010/main" val="34787444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"/>
          <p:cNvSpPr>
            <a:spLocks noGrp="1"/>
          </p:cNvSpPr>
          <p:nvPr>
            <p:ph type="ctrTitle"/>
          </p:nvPr>
        </p:nvSpPr>
        <p:spPr>
          <a:xfrm>
            <a:off x="458787" y="3090446"/>
            <a:ext cx="11182288" cy="677108"/>
          </a:xfrm>
        </p:spPr>
        <p:txBody>
          <a:bodyPr/>
          <a:lstStyle/>
          <a:p>
            <a:r>
              <a:rPr lang="en-US" dirty="0">
                <a:solidFill>
                  <a:schemeClr val="accent1"/>
                </a:solidFill>
                <a:latin typeface="Calibri Light (Headings)"/>
              </a:rPr>
              <a:t>Appendix</a:t>
            </a:r>
          </a:p>
        </p:txBody>
      </p:sp>
    </p:spTree>
    <p:extLst>
      <p:ext uri="{BB962C8B-B14F-4D97-AF65-F5344CB8AC3E}">
        <p14:creationId xmlns:p14="http://schemas.microsoft.com/office/powerpoint/2010/main" val="1105206485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249F117-950A-402E-8FF7-3B6F8B4119D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58786" y="1225685"/>
            <a:ext cx="11019851" cy="5476672"/>
          </a:xfrm>
        </p:spPr>
        <p:txBody>
          <a:bodyPr>
            <a:normAutofit fontScale="92500" lnSpcReduction="10000"/>
          </a:bodyPr>
          <a:lstStyle/>
          <a:p>
            <a:pPr algn="just">
              <a:spcBef>
                <a:spcPts val="0"/>
              </a:spcBef>
              <a:spcAft>
                <a:spcPts val="600"/>
              </a:spcAft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Buyers can prevent their suppliers from creating ship notices for purchase orders containing a material (Customer part no.) that the buyers previously complained about in a quality notification which did not reference a specific purchase order. Suppliers then cannot send ship notices that contain this faulty material, except for purchase orders that have accepted quality inspections.</a:t>
            </a:r>
          </a:p>
          <a:p>
            <a:pPr algn="just">
              <a:spcBef>
                <a:spcPts val="0"/>
              </a:spcBef>
              <a:spcAft>
                <a:spcPts val="600"/>
              </a:spcAft>
              <a:buSzPct val="100000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When buyers set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Allow suppliers to send a ship notice for a material in an open quality notification with no purchase order reference, only after the quality notification is closed or the buyer has accepted the quality inspection for the purchase order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, their suppliers cannot create a ship notice for a purchase order with a faulty material that is referenced in a quality notification. </a:t>
            </a:r>
          </a:p>
          <a:p>
            <a:pPr algn="just">
              <a:spcBef>
                <a:spcPts val="0"/>
              </a:spcBef>
              <a:spcAft>
                <a:spcPts val="600"/>
              </a:spcAft>
              <a:buSzPct val="100000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his blocking is done in the following places:</a:t>
            </a: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Purchase order list page</a:t>
            </a: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Purchase order details page</a:t>
            </a: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Items to Ship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ab</a:t>
            </a: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.. &gt; 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Ship Notice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in the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CSV Upload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ection</a:t>
            </a: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...  &gt;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Upload/Download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in the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Excel Files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ection</a:t>
            </a: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  <a:p>
            <a:pPr algn="just">
              <a:spcBef>
                <a:spcPts val="0"/>
              </a:spcBef>
              <a:spcAft>
                <a:spcPts val="600"/>
              </a:spcAft>
              <a:buSzPct val="100000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Blocked purchase orders become unblocked for shipment if one of the following occurs:</a:t>
            </a: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he buyer accepts a quality inspection for the specific purchase order.</a:t>
            </a:r>
          </a:p>
          <a:p>
            <a:pPr marL="285750" indent="-285750" algn="just">
              <a:spcBef>
                <a:spcPts val="0"/>
              </a:spcBef>
              <a:spcAft>
                <a:spcPts val="600"/>
              </a:spcAft>
              <a:buSzPct val="100000"/>
              <a:buFont typeface="Arial" panose="020B0604020202020204" pitchFamily="34" charset="0"/>
              <a:buChar char="•"/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he buyer closes the quality notification that caused the ship notice blocking. All corresponding purchase orders are unblocked. However, if the buyer also set 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Allow suppliers to send ship notices only after receiving acceptance of inspection results,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until the buyer accepts the inspection results, affected suppliers cannot send ship notices for goods that require that inspection.</a:t>
            </a:r>
          </a:p>
          <a:p>
            <a:pPr indent="-342797">
              <a:spcBef>
                <a:spcPts val="0"/>
              </a:spcBef>
              <a:buFont typeface="+mj-lt"/>
              <a:buAutoNum type="arabicPeriod"/>
            </a:pPr>
            <a:endParaRPr lang="en-US" sz="1100" dirty="0">
              <a:solidFill>
                <a:srgbClr val="FFFF00"/>
              </a:solidFill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AF0A17B-3EE2-4F69-B414-0FB72270009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0"/>
            <a:ext cx="11183564" cy="738664"/>
          </a:xfrm>
        </p:spPr>
        <p:txBody>
          <a:bodyPr/>
          <a:lstStyle/>
          <a:p>
            <a:r>
              <a:rPr lang="en-US" noProof="0" dirty="0">
                <a:latin typeface="Calibri Light (Headings)"/>
              </a:rPr>
              <a:t>Block Ship Notice Creation when an open Quality Notification for Material without a Purchase Order Reference exists</a:t>
            </a:r>
          </a:p>
        </p:txBody>
      </p:sp>
    </p:spTree>
    <p:extLst>
      <p:ext uri="{BB962C8B-B14F-4D97-AF65-F5344CB8AC3E}">
        <p14:creationId xmlns:p14="http://schemas.microsoft.com/office/powerpoint/2010/main" val="303464665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C7562337-9331-4481-A1B8-EB575FACD00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5456" y="1620000"/>
            <a:ext cx="11182288" cy="2045398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2EBCD24-8184-48EB-A5F2-C76EF8026A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latin typeface="Calibri Light (Headings)"/>
              </a:rPr>
              <a:t>Status Description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5DBAB3C2-C995-4C06-B010-F40BFC7F3AD9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830029189"/>
              </p:ext>
            </p:extLst>
          </p:nvPr>
        </p:nvGraphicFramePr>
        <p:xfrm>
          <a:off x="505457" y="1620000"/>
          <a:ext cx="11182289" cy="2061907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2155382">
                  <a:extLst>
                    <a:ext uri="{9D8B030D-6E8A-4147-A177-3AD203B41FA5}">
                      <a16:colId xmlns:a16="http://schemas.microsoft.com/office/drawing/2014/main" val="1580648461"/>
                    </a:ext>
                  </a:extLst>
                </a:gridCol>
                <a:gridCol w="6744522">
                  <a:extLst>
                    <a:ext uri="{9D8B030D-6E8A-4147-A177-3AD203B41FA5}">
                      <a16:colId xmlns:a16="http://schemas.microsoft.com/office/drawing/2014/main" val="3026869038"/>
                    </a:ext>
                  </a:extLst>
                </a:gridCol>
                <a:gridCol w="2282385">
                  <a:extLst>
                    <a:ext uri="{9D8B030D-6E8A-4147-A177-3AD203B41FA5}">
                      <a16:colId xmlns:a16="http://schemas.microsoft.com/office/drawing/2014/main" val="2798492458"/>
                    </a:ext>
                  </a:extLst>
                </a:gridCol>
              </a:tblGrid>
              <a:tr h="311552"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tu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Own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276633003"/>
                  </a:ext>
                </a:extLst>
              </a:tr>
              <a:tr h="311552"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New (default)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When QN is create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ppli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777263140"/>
                  </a:ext>
                </a:extLst>
              </a:tr>
              <a:tr h="440691"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In-Process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fter QN is published and sent to Customer system. Deviation number will be fulfilled.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0" marR="0" lvl="0" indent="0" algn="l" defTabSz="1088231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pplier/ Customer</a:t>
                      </a:r>
                    </a:p>
                    <a:p>
                      <a:endParaRPr lang="en-US" sz="1200" dirty="0">
                        <a:latin typeface="Calibri" panose="020F0502020204030204" pitchFamily="34" charset="0"/>
                        <a:cs typeface="Calibri" panose="020F0502020204030204" pitchFamily="34" charset="0"/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544480097"/>
                  </a:ext>
                </a:extLst>
              </a:tr>
              <a:tr h="358499"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omplete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fter all QN parts are completed and deviation number fulfille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upplier/ Custom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22450566"/>
                  </a:ext>
                </a:extLst>
              </a:tr>
              <a:tr h="311552"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lose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fter Customer accepts and completes QN in their system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961787264"/>
                  </a:ext>
                </a:extLst>
              </a:tr>
              <a:tr h="311552"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anceled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fter Customer cancels QN in their system.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ustomer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25801695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671690246"/>
      </p:ext>
    </p:extLst>
  </p:cSld>
  <p:clrMapOvr>
    <a:masterClrMapping/>
  </p:clrMapOvr>
</p:sld>
</file>

<file path=ppt/slides/slide4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B7443E8-D08F-4211-B0E4-028279A82079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620000"/>
            <a:ext cx="11185200" cy="831370"/>
          </a:xfrm>
        </p:spPr>
        <p:txBody>
          <a:bodyPr>
            <a:normAutofit/>
          </a:bodyPr>
          <a:lstStyle/>
          <a:p>
            <a:pPr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Routing status defines the status of a QN background processing.</a:t>
            </a:r>
          </a:p>
          <a:p>
            <a:pPr>
              <a:spcBef>
                <a:spcPts val="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Based on the status the supplier will know if the QN is created successfully in the Portal and updated in Customer</a:t>
            </a:r>
            <a:r>
              <a:rPr lang="pl-PL" sz="1400" dirty="0">
                <a:latin typeface="Calibri" panose="020F0502020204030204" pitchFamily="34" charset="0"/>
                <a:cs typeface="Calibri" panose="020F0502020204030204" pitchFamily="34" charset="0"/>
              </a:rPr>
              <a:t>’s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 system.</a:t>
            </a:r>
          </a:p>
          <a:p>
            <a:endParaRPr lang="en-US" sz="1400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E745CFC1-25D8-4E1B-A9B5-7C219DF3569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latin typeface="Calibri Light (Headings)"/>
              </a:rPr>
              <a:t>Routing Status of QN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571A9234-EA6A-4BC5-BA1D-C6A2AE0B7B1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676273912"/>
              </p:ext>
            </p:extLst>
          </p:nvPr>
        </p:nvGraphicFramePr>
        <p:xfrm>
          <a:off x="505456" y="2606293"/>
          <a:ext cx="11019649" cy="1723954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4728341">
                  <a:extLst>
                    <a:ext uri="{9D8B030D-6E8A-4147-A177-3AD203B41FA5}">
                      <a16:colId xmlns:a16="http://schemas.microsoft.com/office/drawing/2014/main" val="103002546"/>
                    </a:ext>
                  </a:extLst>
                </a:gridCol>
                <a:gridCol w="6291308">
                  <a:extLst>
                    <a:ext uri="{9D8B030D-6E8A-4147-A177-3AD203B41FA5}">
                      <a16:colId xmlns:a16="http://schemas.microsoft.com/office/drawing/2014/main" val="4106762098"/>
                    </a:ext>
                  </a:extLst>
                </a:gridCol>
              </a:tblGrid>
              <a:tr h="313337"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tatu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07411441"/>
                  </a:ext>
                </a:extLst>
              </a:tr>
              <a:tr h="628226"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en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AP Business Network sent QN to your customer, but your customer hasn’t acknowledged that they received the document. If your document stays in this status for a while, contact your customer to see what needs to happen next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36697280"/>
                  </a:ext>
                </a:extLst>
              </a:tr>
              <a:tr h="451034"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Queued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AP Business Network is in the process of sending the document to your customer. Contact </a:t>
                      </a:r>
                      <a:r>
                        <a:rPr lang="en-US" sz="120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SAP Customer Support </a:t>
                      </a:r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if your document remains in this status for more than 30 minutes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87011661"/>
                  </a:ext>
                </a:extLst>
              </a:tr>
              <a:tr h="313337"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cknowledged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2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he document reached and was created successfully in your customer's system. 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86366567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37268352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2F7D19E-2448-4A95-A959-9E5E0BB6B1B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5805" y="483239"/>
            <a:ext cx="11183564" cy="369332"/>
          </a:xfrm>
        </p:spPr>
        <p:txBody>
          <a:bodyPr/>
          <a:lstStyle/>
          <a:p>
            <a:r>
              <a:rPr lang="en-US" kern="0" dirty="0">
                <a:latin typeface="Calibri Light (Headings)"/>
                <a:ea typeface="Arial Unicode MS" pitchFamily="34" charset="-128"/>
                <a:cs typeface="Arial Unicode MS" pitchFamily="34" charset="-128"/>
              </a:rPr>
              <a:t>Buyer Initiated Quality Notification Process </a:t>
            </a:r>
            <a:r>
              <a:rPr lang="en-US" dirty="0">
                <a:latin typeface="Calibri Light (Headings)"/>
              </a:rPr>
              <a:t>Workflow</a:t>
            </a:r>
          </a:p>
        </p:txBody>
      </p:sp>
      <p:sp>
        <p:nvSpPr>
          <p:cNvPr id="49" name="TextBox 48">
            <a:extLst>
              <a:ext uri="{FF2B5EF4-FFF2-40B4-BE49-F238E27FC236}">
                <a16:creationId xmlns:a16="http://schemas.microsoft.com/office/drawing/2014/main" id="{AD484CA8-420D-4474-B306-E6CF9913B4CB}"/>
              </a:ext>
            </a:extLst>
          </p:cNvPr>
          <p:cNvSpPr txBox="1"/>
          <p:nvPr/>
        </p:nvSpPr>
        <p:spPr>
          <a:xfrm>
            <a:off x="8632249" y="1716617"/>
            <a:ext cx="838371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Supplier/ CMO</a:t>
            </a: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9790AF01-57A2-439B-A4AA-4E1559595064}"/>
              </a:ext>
            </a:extLst>
          </p:cNvPr>
          <p:cNvSpPr txBox="1"/>
          <p:nvPr/>
        </p:nvSpPr>
        <p:spPr>
          <a:xfrm>
            <a:off x="2977019" y="1716617"/>
            <a:ext cx="318998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buyer</a:t>
            </a:r>
          </a:p>
        </p:txBody>
      </p:sp>
      <p:pic>
        <p:nvPicPr>
          <p:cNvPr id="51" name="Picture 50">
            <a:extLst>
              <a:ext uri="{FF2B5EF4-FFF2-40B4-BE49-F238E27FC236}">
                <a16:creationId xmlns:a16="http://schemas.microsoft.com/office/drawing/2014/main" id="{E14FFB24-7D70-458A-AE5B-96B70C46AF66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84403" y="1346272"/>
            <a:ext cx="500306" cy="346493"/>
          </a:xfrm>
          <a:prstGeom prst="rect">
            <a:avLst/>
          </a:prstGeom>
        </p:spPr>
      </p:pic>
      <p:pic>
        <p:nvPicPr>
          <p:cNvPr id="52" name="Picture 51">
            <a:extLst>
              <a:ext uri="{FF2B5EF4-FFF2-40B4-BE49-F238E27FC236}">
                <a16:creationId xmlns:a16="http://schemas.microsoft.com/office/drawing/2014/main" id="{D4D8BF33-2188-4927-AC3D-1F7E3C00E9D9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990771" y="1347349"/>
            <a:ext cx="337256" cy="338186"/>
          </a:xfrm>
          <a:prstGeom prst="rect">
            <a:avLst/>
          </a:prstGeom>
        </p:spPr>
      </p:pic>
      <p:sp>
        <p:nvSpPr>
          <p:cNvPr id="53" name="TextBox 52">
            <a:extLst>
              <a:ext uri="{FF2B5EF4-FFF2-40B4-BE49-F238E27FC236}">
                <a16:creationId xmlns:a16="http://schemas.microsoft.com/office/drawing/2014/main" id="{25F6D944-A654-4694-B8BC-F3D0A498D3B9}"/>
              </a:ext>
            </a:extLst>
          </p:cNvPr>
          <p:cNvSpPr txBox="1"/>
          <p:nvPr/>
        </p:nvSpPr>
        <p:spPr>
          <a:xfrm>
            <a:off x="5258814" y="1716617"/>
            <a:ext cx="1795364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SAP Business Network supplier</a:t>
            </a:r>
          </a:p>
        </p:txBody>
      </p:sp>
      <p:pic>
        <p:nvPicPr>
          <p:cNvPr id="55" name="Picture 54">
            <a:extLst>
              <a:ext uri="{FF2B5EF4-FFF2-40B4-BE49-F238E27FC236}">
                <a16:creationId xmlns:a16="http://schemas.microsoft.com/office/drawing/2014/main" id="{C410220A-D3E7-4B09-B43F-B1FDDFFEED8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727486" y="1137075"/>
            <a:ext cx="578964" cy="579543"/>
          </a:xfrm>
          <a:prstGeom prst="rect">
            <a:avLst/>
          </a:prstGeom>
        </p:spPr>
      </p:pic>
      <p:sp>
        <p:nvSpPr>
          <p:cNvPr id="56" name="Rectangle 55">
            <a:extLst>
              <a:ext uri="{FF2B5EF4-FFF2-40B4-BE49-F238E27FC236}">
                <a16:creationId xmlns:a16="http://schemas.microsoft.com/office/drawing/2014/main" id="{B89E10C2-1EE0-4C03-AFA0-30648D201DFE}"/>
              </a:ext>
            </a:extLst>
          </p:cNvPr>
          <p:cNvSpPr/>
          <p:nvPr/>
        </p:nvSpPr>
        <p:spPr>
          <a:xfrm>
            <a:off x="2275183" y="2052098"/>
            <a:ext cx="1892595" cy="579543"/>
          </a:xfrm>
          <a:prstGeom prst="rect">
            <a:avLst/>
          </a:prstGeom>
          <a:solidFill>
            <a:srgbClr val="92D050"/>
          </a:solidFill>
          <a:ln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Identity defect &amp; create Notification</a:t>
            </a:r>
          </a:p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Created</a:t>
            </a:r>
          </a:p>
        </p:txBody>
      </p:sp>
      <p:sp>
        <p:nvSpPr>
          <p:cNvPr id="57" name="Rectangle 56">
            <a:extLst>
              <a:ext uri="{FF2B5EF4-FFF2-40B4-BE49-F238E27FC236}">
                <a16:creationId xmlns:a16="http://schemas.microsoft.com/office/drawing/2014/main" id="{9E464D1B-177D-40ED-B9CA-F56AD8535060}"/>
              </a:ext>
            </a:extLst>
          </p:cNvPr>
          <p:cNvSpPr/>
          <p:nvPr/>
        </p:nvSpPr>
        <p:spPr>
          <a:xfrm>
            <a:off x="2275182" y="2754977"/>
            <a:ext cx="1892595" cy="579543"/>
          </a:xfrm>
          <a:prstGeom prst="rect">
            <a:avLst/>
          </a:prstGeom>
          <a:solidFill>
            <a:srgbClr val="92D050"/>
          </a:solidFill>
          <a:ln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Update the Notification other than root cause</a:t>
            </a:r>
          </a:p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Created</a:t>
            </a:r>
          </a:p>
        </p:txBody>
      </p:sp>
      <p:sp>
        <p:nvSpPr>
          <p:cNvPr id="58" name="Rectangle 57">
            <a:extLst>
              <a:ext uri="{FF2B5EF4-FFF2-40B4-BE49-F238E27FC236}">
                <a16:creationId xmlns:a16="http://schemas.microsoft.com/office/drawing/2014/main" id="{23F6EC84-134A-4056-9083-970C8009D122}"/>
              </a:ext>
            </a:extLst>
          </p:cNvPr>
          <p:cNvSpPr/>
          <p:nvPr/>
        </p:nvSpPr>
        <p:spPr>
          <a:xfrm>
            <a:off x="2275183" y="3477990"/>
            <a:ext cx="1892595" cy="579543"/>
          </a:xfrm>
          <a:prstGeom prst="rect">
            <a:avLst/>
          </a:prstGeom>
          <a:solidFill>
            <a:srgbClr val="92D050"/>
          </a:solidFill>
          <a:ln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Update the Notification with root cause</a:t>
            </a:r>
          </a:p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In Process</a:t>
            </a:r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C9A4F007-8865-488E-8A2A-314104E15628}"/>
              </a:ext>
            </a:extLst>
          </p:cNvPr>
          <p:cNvSpPr/>
          <p:nvPr/>
        </p:nvSpPr>
        <p:spPr>
          <a:xfrm>
            <a:off x="2275182" y="4872633"/>
            <a:ext cx="1892595" cy="579543"/>
          </a:xfrm>
          <a:prstGeom prst="rect">
            <a:avLst/>
          </a:prstGeom>
          <a:solidFill>
            <a:srgbClr val="92D050"/>
          </a:solidFill>
          <a:ln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Cancel the Notification</a:t>
            </a:r>
          </a:p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Cancelled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131F9FD0-8374-4CB9-B0F3-A1C8FD65F292}"/>
              </a:ext>
            </a:extLst>
          </p:cNvPr>
          <p:cNvSpPr/>
          <p:nvPr/>
        </p:nvSpPr>
        <p:spPr>
          <a:xfrm>
            <a:off x="2275182" y="5569482"/>
            <a:ext cx="1892595" cy="579543"/>
          </a:xfrm>
          <a:prstGeom prst="rect">
            <a:avLst/>
          </a:prstGeom>
          <a:solidFill>
            <a:srgbClr val="92D050"/>
          </a:solidFill>
          <a:ln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Approve and close Notification</a:t>
            </a:r>
          </a:p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Completed</a:t>
            </a:r>
          </a:p>
        </p:txBody>
      </p:sp>
      <p:sp>
        <p:nvSpPr>
          <p:cNvPr id="61" name="Rectangle 60">
            <a:extLst>
              <a:ext uri="{FF2B5EF4-FFF2-40B4-BE49-F238E27FC236}">
                <a16:creationId xmlns:a16="http://schemas.microsoft.com/office/drawing/2014/main" id="{DE5D3283-13AD-40AE-8DDA-1BBA6FCEF581}"/>
              </a:ext>
            </a:extLst>
          </p:cNvPr>
          <p:cNvSpPr/>
          <p:nvPr/>
        </p:nvSpPr>
        <p:spPr>
          <a:xfrm>
            <a:off x="5210195" y="2052097"/>
            <a:ext cx="1892595" cy="579543"/>
          </a:xfrm>
          <a:prstGeom prst="rect">
            <a:avLst/>
          </a:prstGeom>
          <a:solidFill>
            <a:srgbClr val="00B0F0"/>
          </a:solidFill>
          <a:ln>
            <a:solidFill>
              <a:srgbClr val="00B0F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Create Quality Notification</a:t>
            </a:r>
          </a:p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New</a:t>
            </a:r>
          </a:p>
        </p:txBody>
      </p:sp>
      <p:sp>
        <p:nvSpPr>
          <p:cNvPr id="62" name="Rectangle 61">
            <a:extLst>
              <a:ext uri="{FF2B5EF4-FFF2-40B4-BE49-F238E27FC236}">
                <a16:creationId xmlns:a16="http://schemas.microsoft.com/office/drawing/2014/main" id="{384DC76A-4896-47A4-8FED-8B92590EAF78}"/>
              </a:ext>
            </a:extLst>
          </p:cNvPr>
          <p:cNvSpPr/>
          <p:nvPr/>
        </p:nvSpPr>
        <p:spPr>
          <a:xfrm>
            <a:off x="5210195" y="2759197"/>
            <a:ext cx="1892595" cy="579543"/>
          </a:xfrm>
          <a:prstGeom prst="rect">
            <a:avLst/>
          </a:prstGeom>
          <a:solidFill>
            <a:srgbClr val="00B0F0"/>
          </a:solidFill>
          <a:ln>
            <a:solidFill>
              <a:srgbClr val="00B0F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Update Quality Notification</a:t>
            </a:r>
          </a:p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In Process</a:t>
            </a:r>
          </a:p>
        </p:txBody>
      </p:sp>
      <p:sp>
        <p:nvSpPr>
          <p:cNvPr id="64" name="Rectangle 63">
            <a:extLst>
              <a:ext uri="{FF2B5EF4-FFF2-40B4-BE49-F238E27FC236}">
                <a16:creationId xmlns:a16="http://schemas.microsoft.com/office/drawing/2014/main" id="{652FF88C-F49C-437A-923B-514576B17094}"/>
              </a:ext>
            </a:extLst>
          </p:cNvPr>
          <p:cNvSpPr/>
          <p:nvPr/>
        </p:nvSpPr>
        <p:spPr>
          <a:xfrm>
            <a:off x="5210194" y="3466297"/>
            <a:ext cx="1892595" cy="579543"/>
          </a:xfrm>
          <a:prstGeom prst="rect">
            <a:avLst/>
          </a:prstGeom>
          <a:solidFill>
            <a:srgbClr val="00B0F0"/>
          </a:solidFill>
          <a:ln>
            <a:solidFill>
              <a:srgbClr val="00B0F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Update the Notification with root causes</a:t>
            </a:r>
          </a:p>
          <a:p>
            <a:pPr algn="ctr" defTabSz="913422"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Completed</a:t>
            </a:r>
          </a:p>
        </p:txBody>
      </p:sp>
      <p:sp>
        <p:nvSpPr>
          <p:cNvPr id="65" name="Rectangle 64">
            <a:extLst>
              <a:ext uri="{FF2B5EF4-FFF2-40B4-BE49-F238E27FC236}">
                <a16:creationId xmlns:a16="http://schemas.microsoft.com/office/drawing/2014/main" id="{29B3DEEC-927A-4FDC-A3BE-BDB1A51A76B2}"/>
              </a:ext>
            </a:extLst>
          </p:cNvPr>
          <p:cNvSpPr/>
          <p:nvPr/>
        </p:nvSpPr>
        <p:spPr>
          <a:xfrm>
            <a:off x="5210192" y="4173397"/>
            <a:ext cx="1892595" cy="579543"/>
          </a:xfrm>
          <a:prstGeom prst="rect">
            <a:avLst/>
          </a:prstGeom>
          <a:solidFill>
            <a:srgbClr val="00B0F0"/>
          </a:solidFill>
          <a:ln>
            <a:solidFill>
              <a:srgbClr val="00B0F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Update the Notification</a:t>
            </a:r>
          </a:p>
          <a:p>
            <a:pPr algn="ctr" defTabSz="913422"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Completed</a:t>
            </a:r>
          </a:p>
        </p:txBody>
      </p:sp>
      <p:sp>
        <p:nvSpPr>
          <p:cNvPr id="66" name="Rectangle 65">
            <a:extLst>
              <a:ext uri="{FF2B5EF4-FFF2-40B4-BE49-F238E27FC236}">
                <a16:creationId xmlns:a16="http://schemas.microsoft.com/office/drawing/2014/main" id="{B49F3712-413C-4E33-AC22-C60040BDDAF6}"/>
              </a:ext>
            </a:extLst>
          </p:cNvPr>
          <p:cNvSpPr/>
          <p:nvPr/>
        </p:nvSpPr>
        <p:spPr>
          <a:xfrm>
            <a:off x="5210192" y="4872633"/>
            <a:ext cx="1892595" cy="579543"/>
          </a:xfrm>
          <a:prstGeom prst="rect">
            <a:avLst/>
          </a:prstGeom>
          <a:solidFill>
            <a:srgbClr val="00B0F0"/>
          </a:solidFill>
          <a:ln>
            <a:solidFill>
              <a:srgbClr val="00B0F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Update the Notification</a:t>
            </a:r>
          </a:p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Cancelled</a:t>
            </a:r>
          </a:p>
        </p:txBody>
      </p:sp>
      <p:sp>
        <p:nvSpPr>
          <p:cNvPr id="67" name="Rectangle 66">
            <a:extLst>
              <a:ext uri="{FF2B5EF4-FFF2-40B4-BE49-F238E27FC236}">
                <a16:creationId xmlns:a16="http://schemas.microsoft.com/office/drawing/2014/main" id="{17EEA1A1-A597-4B00-8114-F186DA20F917}"/>
              </a:ext>
            </a:extLst>
          </p:cNvPr>
          <p:cNvSpPr/>
          <p:nvPr/>
        </p:nvSpPr>
        <p:spPr>
          <a:xfrm>
            <a:off x="5210192" y="5566464"/>
            <a:ext cx="1892595" cy="579543"/>
          </a:xfrm>
          <a:prstGeom prst="rect">
            <a:avLst/>
          </a:prstGeom>
          <a:solidFill>
            <a:srgbClr val="00B0F0"/>
          </a:solidFill>
          <a:ln>
            <a:solidFill>
              <a:srgbClr val="00B0F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Update the Notification</a:t>
            </a:r>
          </a:p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Closed</a:t>
            </a:r>
          </a:p>
        </p:txBody>
      </p:sp>
      <p:sp>
        <p:nvSpPr>
          <p:cNvPr id="68" name="Rectangle 67">
            <a:extLst>
              <a:ext uri="{FF2B5EF4-FFF2-40B4-BE49-F238E27FC236}">
                <a16:creationId xmlns:a16="http://schemas.microsoft.com/office/drawing/2014/main" id="{F853F3D8-5538-4F86-A32F-FD5F61325F17}"/>
              </a:ext>
            </a:extLst>
          </p:cNvPr>
          <p:cNvSpPr/>
          <p:nvPr/>
        </p:nvSpPr>
        <p:spPr>
          <a:xfrm>
            <a:off x="8145205" y="3477990"/>
            <a:ext cx="1892595" cy="579543"/>
          </a:xfrm>
          <a:prstGeom prst="rect">
            <a:avLst/>
          </a:prstGeom>
          <a:solidFill>
            <a:srgbClr val="FFC000"/>
          </a:solidFill>
          <a:ln>
            <a:solidFill>
              <a:srgbClr val="FFC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Identity Root Cause</a:t>
            </a:r>
          </a:p>
        </p:txBody>
      </p:sp>
      <p:sp>
        <p:nvSpPr>
          <p:cNvPr id="69" name="Arrow: Right 68">
            <a:extLst>
              <a:ext uri="{FF2B5EF4-FFF2-40B4-BE49-F238E27FC236}">
                <a16:creationId xmlns:a16="http://schemas.microsoft.com/office/drawing/2014/main" id="{E91DAC70-10AE-48F3-9ADA-CDCA28D41A47}"/>
              </a:ext>
            </a:extLst>
          </p:cNvPr>
          <p:cNvSpPr/>
          <p:nvPr/>
        </p:nvSpPr>
        <p:spPr>
          <a:xfrm>
            <a:off x="4259927" y="2315614"/>
            <a:ext cx="858116" cy="79398"/>
          </a:xfrm>
          <a:prstGeom prst="rightArrow">
            <a:avLst/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0" name="Arrow: U-Turn 69">
            <a:extLst>
              <a:ext uri="{FF2B5EF4-FFF2-40B4-BE49-F238E27FC236}">
                <a16:creationId xmlns:a16="http://schemas.microsoft.com/office/drawing/2014/main" id="{AC450FE3-7742-46CA-9F1F-A3EA3CCAD968}"/>
              </a:ext>
            </a:extLst>
          </p:cNvPr>
          <p:cNvSpPr/>
          <p:nvPr/>
        </p:nvSpPr>
        <p:spPr>
          <a:xfrm rot="16200000" flipH="1">
            <a:off x="1833224" y="2648865"/>
            <a:ext cx="579542" cy="212222"/>
          </a:xfrm>
          <a:prstGeom prst="uturnArrow">
            <a:avLst>
              <a:gd name="adj1" fmla="val 25000"/>
              <a:gd name="adj2" fmla="val 25000"/>
              <a:gd name="adj3" fmla="val 25000"/>
              <a:gd name="adj4" fmla="val 44271"/>
              <a:gd name="adj5" fmla="val 75000"/>
            </a:avLst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71" name="Arrow: Right 70">
            <a:extLst>
              <a:ext uri="{FF2B5EF4-FFF2-40B4-BE49-F238E27FC236}">
                <a16:creationId xmlns:a16="http://schemas.microsoft.com/office/drawing/2014/main" id="{067E5095-EAF4-4284-A58D-883CC37B48A0}"/>
              </a:ext>
            </a:extLst>
          </p:cNvPr>
          <p:cNvSpPr/>
          <p:nvPr/>
        </p:nvSpPr>
        <p:spPr>
          <a:xfrm>
            <a:off x="4274527" y="2814386"/>
            <a:ext cx="858116" cy="79399"/>
          </a:xfrm>
          <a:prstGeom prst="rightArrow">
            <a:avLst/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2" name="Arrow: Right 71">
            <a:extLst>
              <a:ext uri="{FF2B5EF4-FFF2-40B4-BE49-F238E27FC236}">
                <a16:creationId xmlns:a16="http://schemas.microsoft.com/office/drawing/2014/main" id="{E0FD82D2-9104-40E0-865D-483C8088E33E}"/>
              </a:ext>
            </a:extLst>
          </p:cNvPr>
          <p:cNvSpPr/>
          <p:nvPr/>
        </p:nvSpPr>
        <p:spPr>
          <a:xfrm rot="10800000">
            <a:off x="4274527" y="3025646"/>
            <a:ext cx="858116" cy="79398"/>
          </a:xfrm>
          <a:prstGeom prst="rightArrow">
            <a:avLst/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3" name="Arrow: Right 72">
            <a:extLst>
              <a:ext uri="{FF2B5EF4-FFF2-40B4-BE49-F238E27FC236}">
                <a16:creationId xmlns:a16="http://schemas.microsoft.com/office/drawing/2014/main" id="{75F8A129-A1B5-4C7A-8599-EA37D9BBD5CA}"/>
              </a:ext>
            </a:extLst>
          </p:cNvPr>
          <p:cNvSpPr/>
          <p:nvPr/>
        </p:nvSpPr>
        <p:spPr>
          <a:xfrm>
            <a:off x="4274527" y="3560830"/>
            <a:ext cx="858116" cy="79400"/>
          </a:xfrm>
          <a:prstGeom prst="rightArrow">
            <a:avLst/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4" name="Arrow: Right 73">
            <a:extLst>
              <a:ext uri="{FF2B5EF4-FFF2-40B4-BE49-F238E27FC236}">
                <a16:creationId xmlns:a16="http://schemas.microsoft.com/office/drawing/2014/main" id="{5123E9DB-0850-4C4D-9DD6-9C571DB3B9A5}"/>
              </a:ext>
            </a:extLst>
          </p:cNvPr>
          <p:cNvSpPr/>
          <p:nvPr/>
        </p:nvSpPr>
        <p:spPr>
          <a:xfrm rot="10800000">
            <a:off x="4274527" y="3772091"/>
            <a:ext cx="858116" cy="79399"/>
          </a:xfrm>
          <a:prstGeom prst="rightArrow">
            <a:avLst/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5" name="Arrow: Right 74">
            <a:extLst>
              <a:ext uri="{FF2B5EF4-FFF2-40B4-BE49-F238E27FC236}">
                <a16:creationId xmlns:a16="http://schemas.microsoft.com/office/drawing/2014/main" id="{DDDB97CA-E1B0-4B83-AC2E-6B383CDC256C}"/>
              </a:ext>
            </a:extLst>
          </p:cNvPr>
          <p:cNvSpPr/>
          <p:nvPr/>
        </p:nvSpPr>
        <p:spPr>
          <a:xfrm rot="10800000">
            <a:off x="7180338" y="3766801"/>
            <a:ext cx="858116" cy="84689"/>
          </a:xfrm>
          <a:prstGeom prst="rightArrow">
            <a:avLst/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6" name="Arrow: Bent-Up 75">
            <a:extLst>
              <a:ext uri="{FF2B5EF4-FFF2-40B4-BE49-F238E27FC236}">
                <a16:creationId xmlns:a16="http://schemas.microsoft.com/office/drawing/2014/main" id="{DF81B225-10CC-415D-916A-A3EC64C6875D}"/>
              </a:ext>
            </a:extLst>
          </p:cNvPr>
          <p:cNvSpPr/>
          <p:nvPr/>
        </p:nvSpPr>
        <p:spPr>
          <a:xfrm rot="10800000" flipV="1">
            <a:off x="3848800" y="4180869"/>
            <a:ext cx="1269242" cy="153006"/>
          </a:xfrm>
          <a:prstGeom prst="bentUpArrow">
            <a:avLst/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7" name="Arrow: Right 76">
            <a:extLst>
              <a:ext uri="{FF2B5EF4-FFF2-40B4-BE49-F238E27FC236}">
                <a16:creationId xmlns:a16="http://schemas.microsoft.com/office/drawing/2014/main" id="{93A6CBA4-E4AD-4B0F-A3D8-770C500CA9DF}"/>
              </a:ext>
            </a:extLst>
          </p:cNvPr>
          <p:cNvSpPr/>
          <p:nvPr/>
        </p:nvSpPr>
        <p:spPr>
          <a:xfrm>
            <a:off x="4274526" y="5110059"/>
            <a:ext cx="858116" cy="79400"/>
          </a:xfrm>
          <a:prstGeom prst="rightArrow">
            <a:avLst/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8" name="Arrow: Right 77">
            <a:extLst>
              <a:ext uri="{FF2B5EF4-FFF2-40B4-BE49-F238E27FC236}">
                <a16:creationId xmlns:a16="http://schemas.microsoft.com/office/drawing/2014/main" id="{BE3DC0B3-2C76-4983-973E-D003C9B2BE9F}"/>
              </a:ext>
            </a:extLst>
          </p:cNvPr>
          <p:cNvSpPr/>
          <p:nvPr/>
        </p:nvSpPr>
        <p:spPr>
          <a:xfrm>
            <a:off x="4274526" y="5816534"/>
            <a:ext cx="858116" cy="79400"/>
          </a:xfrm>
          <a:prstGeom prst="rightArrow">
            <a:avLst/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9" name="Rectangle 78">
            <a:extLst>
              <a:ext uri="{FF2B5EF4-FFF2-40B4-BE49-F238E27FC236}">
                <a16:creationId xmlns:a16="http://schemas.microsoft.com/office/drawing/2014/main" id="{11824FAE-2215-4F3C-B769-B8E31CDA6859}"/>
              </a:ext>
            </a:extLst>
          </p:cNvPr>
          <p:cNvSpPr/>
          <p:nvPr/>
        </p:nvSpPr>
        <p:spPr bwMode="gray">
          <a:xfrm>
            <a:off x="2200531" y="4810544"/>
            <a:ext cx="5809348" cy="693689"/>
          </a:xfrm>
          <a:prstGeom prst="rect">
            <a:avLst/>
          </a:prstGeom>
          <a:noFill/>
          <a:ln w="25400" algn="ctr">
            <a:solidFill>
              <a:srgbClr val="E35500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800" kern="0" dirty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80" name="TextBox 79">
            <a:extLst>
              <a:ext uri="{FF2B5EF4-FFF2-40B4-BE49-F238E27FC236}">
                <a16:creationId xmlns:a16="http://schemas.microsoft.com/office/drawing/2014/main" id="{160CC833-3816-4BF6-AFD8-FCC6712780F2}"/>
              </a:ext>
            </a:extLst>
          </p:cNvPr>
          <p:cNvSpPr txBox="1"/>
          <p:nvPr/>
        </p:nvSpPr>
        <p:spPr>
          <a:xfrm>
            <a:off x="7088187" y="4918927"/>
            <a:ext cx="964866" cy="46166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200" dirty="0">
                <a:solidFill>
                  <a:srgbClr val="FF0000"/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Cancellation Process</a:t>
            </a:r>
          </a:p>
        </p:txBody>
      </p:sp>
    </p:spTree>
    <p:extLst>
      <p:ext uri="{BB962C8B-B14F-4D97-AF65-F5344CB8AC3E}">
        <p14:creationId xmlns:p14="http://schemas.microsoft.com/office/powerpoint/2010/main" val="1676220070"/>
      </p:ext>
    </p:extLst>
  </p:cSld>
  <p:clrMapOvr>
    <a:masterClrMapping/>
  </p:clrMapOvr>
</p:sld>
</file>

<file path=ppt/slides/slide5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1520825"/>
            <a:ext cx="5413477" cy="846386"/>
          </a:xfrm>
        </p:spPr>
        <p:txBody>
          <a:bodyPr/>
          <a:lstStyle/>
          <a:p>
            <a:r>
              <a:rPr lang="en-US" dirty="0"/>
              <a:t>Thank you.</a:t>
            </a:r>
          </a:p>
        </p:txBody>
      </p:sp>
      <p:pic>
        <p:nvPicPr>
          <p:cNvPr id="2" name="Picture 6">
            <a:extLst>
              <a:ext uri="{FF2B5EF4-FFF2-40B4-BE49-F238E27FC236}">
                <a16:creationId xmlns:a16="http://schemas.microsoft.com/office/drawing/2014/main" id="{BA6D855E-9508-516E-8B9B-ED14D045F64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11641" y="5687286"/>
            <a:ext cx="2522537" cy="693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2">
            <a:extLst>
              <a:ext uri="{FF2B5EF4-FFF2-40B4-BE49-F238E27FC236}">
                <a16:creationId xmlns:a16="http://schemas.microsoft.com/office/drawing/2014/main" id="{5D4A3BED-9196-4A2D-9403-EDCCE149219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826" y="503239"/>
            <a:ext cx="11183937" cy="1415772"/>
          </a:xfrm>
        </p:spPr>
        <p:txBody>
          <a:bodyPr/>
          <a:lstStyle/>
          <a:p>
            <a:r>
              <a:rPr lang="en-US" kern="0" dirty="0">
                <a:latin typeface="Calibri Light (Headings)"/>
                <a:ea typeface="Arial Unicode MS" pitchFamily="34" charset="-128"/>
                <a:cs typeface="Arial Unicode MS" pitchFamily="34" charset="-128"/>
              </a:rPr>
              <a:t>Buyer Initiated Quality Notification Process </a:t>
            </a:r>
            <a:r>
              <a:rPr lang="en-US" dirty="0">
                <a:latin typeface="Calibri Light (Headings)"/>
              </a:rPr>
              <a:t>Workflow</a:t>
            </a:r>
            <a:br>
              <a:rPr lang="en-US" dirty="0">
                <a:latin typeface="Calibri Light (Headings)"/>
              </a:rPr>
            </a:br>
            <a:r>
              <a:rPr lang="en-US" sz="2000" dirty="0">
                <a:solidFill>
                  <a:schemeClr val="accent1"/>
                </a:solidFill>
                <a:latin typeface="Calibri Light (Headings)"/>
              </a:rPr>
              <a:t>Reopen Process</a:t>
            </a:r>
            <a:br>
              <a:rPr lang="en-US" kern="0" dirty="0">
                <a:latin typeface="Calibri Light (Headings)"/>
                <a:ea typeface="Arial Unicode MS" pitchFamily="34" charset="-128"/>
                <a:cs typeface="Arial Unicode MS" pitchFamily="34" charset="-128"/>
              </a:rPr>
            </a:br>
            <a:br>
              <a:rPr lang="en-US" kern="0" dirty="0">
                <a:latin typeface="Calibri Light (Headings)"/>
                <a:ea typeface="Arial Unicode MS" pitchFamily="34" charset="-128"/>
                <a:cs typeface="Arial Unicode MS" pitchFamily="34" charset="-128"/>
              </a:rPr>
            </a:br>
            <a:endParaRPr lang="en-US" dirty="0">
              <a:latin typeface="Calibri Light (Headings)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D94A6C98-D1F2-462E-8DCC-3A0E08CD57C2}"/>
              </a:ext>
            </a:extLst>
          </p:cNvPr>
          <p:cNvSpPr/>
          <p:nvPr/>
        </p:nvSpPr>
        <p:spPr>
          <a:xfrm>
            <a:off x="3378974" y="3377354"/>
            <a:ext cx="1892595" cy="579543"/>
          </a:xfrm>
          <a:prstGeom prst="rect">
            <a:avLst/>
          </a:prstGeom>
          <a:solidFill>
            <a:srgbClr val="92D050"/>
          </a:solidFill>
          <a:ln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Change Quality Notification/ Re-Approval</a:t>
            </a:r>
          </a:p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Completed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95B7641F-0AA5-43B3-8E51-80778B1B9272}"/>
              </a:ext>
            </a:extLst>
          </p:cNvPr>
          <p:cNvSpPr/>
          <p:nvPr/>
        </p:nvSpPr>
        <p:spPr>
          <a:xfrm>
            <a:off x="3378973" y="2684184"/>
            <a:ext cx="1892595" cy="579543"/>
          </a:xfrm>
          <a:prstGeom prst="rect">
            <a:avLst/>
          </a:prstGeom>
          <a:solidFill>
            <a:srgbClr val="92D050"/>
          </a:solidFill>
          <a:ln>
            <a:solidFill>
              <a:srgbClr val="92D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913696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00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Reopen Quality Notification</a:t>
            </a:r>
          </a:p>
          <a:p>
            <a:pPr algn="ctr" defTabSz="913422">
              <a:spcBef>
                <a:spcPts val="300"/>
              </a:spcBef>
              <a:buClr>
                <a:srgbClr val="F0AB00"/>
              </a:buClr>
              <a:buSzPct val="80000"/>
            </a:pPr>
            <a:r>
              <a:rPr lang="en-US" sz="1100" kern="0" dirty="0">
                <a:solidFill>
                  <a:srgbClr val="FF0000"/>
                </a:solidFill>
                <a:latin typeface="Segoe UI Light" panose="020B0502040204020203" pitchFamily="34" charset="0"/>
                <a:ea typeface="Arial Unicode MS" pitchFamily="34" charset="-128"/>
                <a:cs typeface="Segoe UI Light" panose="020B0502040204020203" pitchFamily="34" charset="0"/>
              </a:rPr>
              <a:t>Status: In Process</a:t>
            </a:r>
          </a:p>
        </p:txBody>
      </p:sp>
      <p:sp>
        <p:nvSpPr>
          <p:cNvPr id="7" name="Arrow: U-Turn 6">
            <a:extLst>
              <a:ext uri="{FF2B5EF4-FFF2-40B4-BE49-F238E27FC236}">
                <a16:creationId xmlns:a16="http://schemas.microsoft.com/office/drawing/2014/main" id="{18044C54-78C7-4EA3-BFA9-653F38069105}"/>
              </a:ext>
            </a:extLst>
          </p:cNvPr>
          <p:cNvSpPr/>
          <p:nvPr/>
        </p:nvSpPr>
        <p:spPr>
          <a:xfrm rot="16200000" flipH="1">
            <a:off x="2921163" y="3271242"/>
            <a:ext cx="579542" cy="212222"/>
          </a:xfrm>
          <a:prstGeom prst="uturnArrow">
            <a:avLst>
              <a:gd name="adj1" fmla="val 25000"/>
              <a:gd name="adj2" fmla="val 25000"/>
              <a:gd name="adj3" fmla="val 25000"/>
              <a:gd name="adj4" fmla="val 44271"/>
              <a:gd name="adj5" fmla="val 75000"/>
            </a:avLst>
          </a:prstGeom>
          <a:solidFill>
            <a:schemeClr val="tx2"/>
          </a:solidFill>
          <a:ln>
            <a:solidFill>
              <a:schemeClr val="tx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tx1"/>
              </a:solidFill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365A029-7C14-43BE-9764-45114EB980B9}"/>
              </a:ext>
            </a:extLst>
          </p:cNvPr>
          <p:cNvSpPr txBox="1"/>
          <p:nvPr/>
        </p:nvSpPr>
        <p:spPr>
          <a:xfrm>
            <a:off x="4120019" y="2187961"/>
            <a:ext cx="318998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buyer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903C5129-8255-45A4-824D-2CE335D69638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027403" y="1817616"/>
            <a:ext cx="500306" cy="346493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47BA783F-E53F-4333-95B4-EAD6BBC6AF38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133771" y="1818693"/>
            <a:ext cx="337256" cy="338186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4F839170-B38A-42AB-A3D6-0907F92A6871}"/>
              </a:ext>
            </a:extLst>
          </p:cNvPr>
          <p:cNvSpPr txBox="1"/>
          <p:nvPr/>
        </p:nvSpPr>
        <p:spPr>
          <a:xfrm>
            <a:off x="6401814" y="2187961"/>
            <a:ext cx="1795364" cy="15388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SAP Business Network supplier</a:t>
            </a:r>
          </a:p>
        </p:txBody>
      </p:sp>
    </p:spTree>
    <p:extLst>
      <p:ext uri="{BB962C8B-B14F-4D97-AF65-F5344CB8AC3E}">
        <p14:creationId xmlns:p14="http://schemas.microsoft.com/office/powerpoint/2010/main" val="34120068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4594CACE-7EEE-4352-AC87-758D775CFD6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85145" y="1582293"/>
            <a:ext cx="11186477" cy="47160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20CBFA9-20C8-4303-BDF0-72E7F9BFD42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8787" y="457200"/>
            <a:ext cx="11183564" cy="369332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Parts of a Quality Notification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F93ECBBE-B95F-4B1F-BB80-03FA7450387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83585074"/>
              </p:ext>
            </p:extLst>
          </p:nvPr>
        </p:nvGraphicFramePr>
        <p:xfrm>
          <a:off x="458788" y="1344255"/>
          <a:ext cx="11183563" cy="3962185"/>
        </p:xfrm>
        <a:graphic>
          <a:graphicData uri="http://schemas.openxmlformats.org/drawingml/2006/table">
            <a:tbl>
              <a:tblPr firstRow="1" bandRow="1">
                <a:tableStyleId>{6E25E649-3F16-4E02-A733-19D2CDBF48F0}</a:tableStyleId>
              </a:tblPr>
              <a:tblGrid>
                <a:gridCol w="2155629">
                  <a:extLst>
                    <a:ext uri="{9D8B030D-6E8A-4147-A177-3AD203B41FA5}">
                      <a16:colId xmlns:a16="http://schemas.microsoft.com/office/drawing/2014/main" val="747665042"/>
                    </a:ext>
                  </a:extLst>
                </a:gridCol>
                <a:gridCol w="9027934">
                  <a:extLst>
                    <a:ext uri="{9D8B030D-6E8A-4147-A177-3AD203B41FA5}">
                      <a16:colId xmlns:a16="http://schemas.microsoft.com/office/drawing/2014/main" val="842992968"/>
                    </a:ext>
                  </a:extLst>
                </a:gridCol>
              </a:tblGrid>
              <a:tr h="421018">
                <a:tc>
                  <a:txBody>
                    <a:bodyPr/>
                    <a:lstStyle/>
                    <a:p>
                      <a:r>
                        <a:rPr lang="en-US" sz="14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ab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4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scription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53420880"/>
                  </a:ext>
                </a:extLst>
              </a:tr>
              <a:tr h="421018"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tails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rovides basic details about the quality notification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35205151"/>
                  </a:ext>
                </a:extLst>
              </a:tr>
              <a:tr h="674783"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Defect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ontains defect item detail for the quality notification. You can have multiple defects per quality notification, and each defect must have a cause, and optionally can have tasks and activities. You can use the Reference Object section to apply a defect to multiple parts or batches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372579339"/>
                  </a:ext>
                </a:extLst>
              </a:tr>
              <a:tr h="421018"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Partner info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ontains From, To, Bill</a:t>
                      </a:r>
                      <a:r>
                        <a:rPr lang="pl-PL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</a:t>
                      </a:r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o, and Deliver</a:t>
                      </a:r>
                      <a:r>
                        <a:rPr lang="pl-PL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 </a:t>
                      </a:r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To information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81118922"/>
                  </a:ext>
                </a:extLst>
              </a:tr>
              <a:tr h="484459"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Hist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Contains the history of changes to the quality notification. The history is empty until the quality notification is published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41885488"/>
                  </a:ext>
                </a:extLst>
              </a:tr>
              <a:tr h="865106"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Required task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 task describes the planning and organizational aspect within a notification. Using tasks, you can plan the way in which various people work together to process the notification and perform the activities within a specified period of time. You can enter multiple tasks for the notification header and for individual defects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953681697"/>
                  </a:ext>
                </a:extLst>
              </a:tr>
              <a:tr h="674783"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ctivity lo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r>
                        <a:rPr lang="en-US" sz="1100" dirty="0">
                          <a:latin typeface="Calibri" panose="020F0502020204030204" pitchFamily="34" charset="0"/>
                          <a:cs typeface="Calibri" panose="020F0502020204030204" pitchFamily="34" charset="0"/>
                        </a:rPr>
                        <a:t>An activity describes the action performed within the framework of a notification. It documents an activity that someone has performed in the process of solving a notification problem. You can enter multiple activities for the notification header and for individual defects.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479223539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3466803048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"/>
          <p:cNvSpPr>
            <a:spLocks noGrp="1"/>
          </p:cNvSpPr>
          <p:nvPr>
            <p:ph type="body" sz="quarter" idx="10"/>
          </p:nvPr>
        </p:nvSpPr>
        <p:spPr>
          <a:xfrm>
            <a:off x="458787" y="1256106"/>
            <a:ext cx="10170352" cy="4716000"/>
          </a:xfrm>
        </p:spPr>
        <p:txBody>
          <a:bodyPr>
            <a:normAutofit/>
          </a:bodyPr>
          <a:lstStyle/>
          <a:p>
            <a:pPr>
              <a:spcBef>
                <a:spcPts val="60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AP Business Network allows suppliers to work in different modes: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400" b="1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Portal:</a:t>
            </a:r>
            <a:r>
              <a:rPr lang="en-US" sz="1400" b="1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The Supplier works online through its Web Browser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sz="1400" b="1" dirty="0">
                <a:solidFill>
                  <a:schemeClr val="accent1"/>
                </a:solidFill>
                <a:latin typeface="Calibri" panose="020F0502020204030204" pitchFamily="34" charset="0"/>
                <a:cs typeface="Calibri" panose="020F0502020204030204" pitchFamily="34" charset="0"/>
              </a:rPr>
              <a:t>Full System Integration: </a:t>
            </a: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SAP Business Network allows to electronically integrate with the network. For technical details please refer to your trainer</a:t>
            </a:r>
          </a:p>
        </p:txBody>
      </p:sp>
      <p:sp>
        <p:nvSpPr>
          <p:cNvPr id="4" name="Title"/>
          <p:cNvSpPr>
            <a:spLocks noGrp="1"/>
          </p:cNvSpPr>
          <p:nvPr>
            <p:ph type="title"/>
          </p:nvPr>
        </p:nvSpPr>
        <p:spPr>
          <a:xfrm>
            <a:off x="458787" y="457200"/>
            <a:ext cx="11183564" cy="369204"/>
          </a:xfrm>
        </p:spPr>
        <p:txBody>
          <a:bodyPr/>
          <a:lstStyle/>
          <a:p>
            <a:r>
              <a:rPr lang="en-US" dirty="0">
                <a:latin typeface="Calibri Light (Headings)"/>
              </a:rPr>
              <a:t>Different Modes of Integration/ Automation</a:t>
            </a:r>
          </a:p>
        </p:txBody>
      </p:sp>
    </p:spTree>
    <p:extLst>
      <p:ext uri="{BB962C8B-B14F-4D97-AF65-F5344CB8AC3E}">
        <p14:creationId xmlns:p14="http://schemas.microsoft.com/office/powerpoint/2010/main" val="331040328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"/>
          <p:cNvSpPr>
            <a:spLocks noGrp="1"/>
          </p:cNvSpPr>
          <p:nvPr>
            <p:ph type="ctrTitle"/>
          </p:nvPr>
        </p:nvSpPr>
        <p:spPr>
          <a:xfrm>
            <a:off x="458787" y="457200"/>
            <a:ext cx="11182288" cy="677108"/>
          </a:xfrm>
        </p:spPr>
        <p:txBody>
          <a:bodyPr/>
          <a:lstStyle/>
          <a:p>
            <a:r>
              <a:rPr lang="en-US" sz="2400" dirty="0">
                <a:solidFill>
                  <a:schemeClr val="accent1"/>
                </a:solidFill>
                <a:latin typeface="Calibri Light (Headings)"/>
              </a:rPr>
              <a:t>Buyer Initiated QN Portal User Interaction</a:t>
            </a:r>
            <a:br>
              <a:rPr lang="en-US" sz="2400" dirty="0">
                <a:solidFill>
                  <a:schemeClr val="accent1"/>
                </a:solidFill>
                <a:latin typeface="Calibri Light (Headings)"/>
              </a:rPr>
            </a:br>
            <a:r>
              <a:rPr lang="en-US" sz="2400" dirty="0">
                <a:latin typeface="Calibri Light (Headings)"/>
              </a:rPr>
              <a:t>In this Chapter You Will Learn About …</a:t>
            </a:r>
            <a:endParaRPr lang="en-US" sz="2400" dirty="0">
              <a:solidFill>
                <a:schemeClr val="accent1"/>
              </a:solidFill>
              <a:latin typeface="Calibri Light (Headings)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BCFC94D9-FA9D-4B05-9A28-5D1BE3913B4D}"/>
              </a:ext>
            </a:extLst>
          </p:cNvPr>
          <p:cNvSpPr txBox="1"/>
          <p:nvPr/>
        </p:nvSpPr>
        <p:spPr>
          <a:xfrm>
            <a:off x="458787" y="1578820"/>
            <a:ext cx="3525645" cy="138499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spcBef>
                <a:spcPts val="60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… how to configure quality email notifications</a:t>
            </a:r>
          </a:p>
          <a:p>
            <a:pPr>
              <a:spcBef>
                <a:spcPts val="60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… how to search and identify quality notification</a:t>
            </a:r>
          </a:p>
          <a:p>
            <a:pPr>
              <a:spcBef>
                <a:spcPts val="60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… how to read quality notification screens</a:t>
            </a:r>
          </a:p>
          <a:p>
            <a:pPr>
              <a:spcBef>
                <a:spcPts val="60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… how to edit quality notification content</a:t>
            </a:r>
          </a:p>
          <a:p>
            <a:pPr>
              <a:spcBef>
                <a:spcPts val="600"/>
              </a:spcBef>
            </a:pPr>
            <a:r>
              <a:rPr lang="en-US" sz="1400" dirty="0">
                <a:latin typeface="Calibri" panose="020F0502020204030204" pitchFamily="34" charset="0"/>
                <a:cs typeface="Calibri" panose="020F0502020204030204" pitchFamily="34" charset="0"/>
              </a:rPr>
              <a:t>… how to publish quality notification</a:t>
            </a:r>
          </a:p>
        </p:txBody>
      </p:sp>
    </p:spTree>
    <p:extLst>
      <p:ext uri="{BB962C8B-B14F-4D97-AF65-F5344CB8AC3E}">
        <p14:creationId xmlns:p14="http://schemas.microsoft.com/office/powerpoint/2010/main" val="303734844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{"elementConfiguration":{"binding":"{{Form.Email}}","disableUpdates":false,"type":"text"},"type":"shape"},{"elementConfiguration":{"binding":"{{Form.SpeakerName}}","disableUpdates":false,"type":"text"},"type":"shape"},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],"slideId":"637879497279863482","enableDocumentContentUpdater":true,"version":"2.0"}]]></TemplafySlideTemplateConfiguration>
</file>

<file path=customXml/item1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Comments xmlns="eb1a74b1-8dc4-4e0c-a52d-4a03e5f7d8ba">asfdasdad</Comments>
  </documentManagement>
</p:properties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15.xml><?xml version="1.0" encoding="utf-8"?>
<TemplafySlideTemplateConfiguration><![CDATA[{"slideVersion":1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],"slideId":"637546847219967368","enableDocumentContentUpdater":false,"version":"2.0"}]]></TemplafySlideTemplateConfiguration>
</file>

<file path=customXml/item4.xml><?xml version="1.0" encoding="utf-8"?>
<TemplafySlide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]}]]></TemplafySlideFormConfiguration>
</file>

<file path=customXml/item5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106563","enableDocumentContentUpdater":true,"version":"2.0"}]]></TemplafySlideTemplateConfiguration>
</file>

<file path=customXml/item6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062023","enableDocumentContentUpdater":true,"version":"2.0"}]]></TemplafySlideTemplateConfiguration>
</file>

<file path=customXml/item7.xml><?xml version="1.0" encoding="utf-8"?>
<Templafy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,{"name":"SpeakerName","value":"YnPwfaWtJd9yqRikMcavEg=="}]}]]></TemplafyFormConfiguration>
</file>

<file path=customXml/item8.xml><?xml version="1.0" encoding="utf-8"?>
<TemplafyTemplateConfiguration><![CDATA[{"elementsMetadata":[{"elementConfiguration":{"binding":"{{ DataSources.Classification[Form.Classification.Name].Display}}","disableUpdates":false,"type":"text"},"type":"shape","id":"47f4819c-18fb-4798-bc58-a9d31f4aef1b"},{"elementConfiguration":{"binding":"{{DataSources.Classification[Form.Classification.Name].Display}}","disableUpdates":false,"type":"text"},"type":"shape","id":"90feba40-468b-4d8c-8691-d723a0b833c5"},{"elementConfiguration":{"binding":"{{ DataSources.Classification[Form.Classification.Name].Display}}","disableUpdates":false,"type":"text"},"type":"shape","id":"1bd85927-6180-43b1-a069-ebc46f63e326"},{"elementConfiguration":{"image":"{{Form.SAPLogo.LogoWhite}}","disableUpdates":false,"type":"image"},"type":"shape","id":"c993166a-e261-470f-85b4-f15302969963"},{"elementConfiguration":{"image":"{{Form.SAPLogo.SubbrandWhite}}","visibility":"{{IfElse(Equals(Form.SAPLogo.HideSubBrandShape, \"Yes\"), VisibilityType.Hidden, VisibilityType.Visible)}}","disableUpdates":false,"type":"image"},"type":"shape","id":"646b23c2-1c0b-46ee-930e-27fcefc8fb14"},{"elementConfiguration":{"image":"{{Form.SAPLogo.LogoWhite}}","disableUpdates":false,"type":"image"},"type":"shape","id":"80f3de97-b36f-4d21-a85f-aba5c7bc1bbb"},{"elementConfiguration":{"image":"{{Form.SAPLogo.SubbrandWhite}}","visibility":"{{IfElse(Equals(Form.SAPLogo.HideSubBrandShape, \"Yes\"), VisibilityType.Hidden, VisibilityType.Visible)}}","disableUpdates":false,"type":"image"},"type":"shape","id":"437cb4e0-161b-48e6-a63b-b4ff39acbe6e"},{"elementConfiguration":{"binding":"{{DataSources.Classification[Form.Classification.Name].Display}}","disableUpdates":false,"type":"text"},"type":"shape","id":"57693a7c-bcfb-4d4a-86bd-d83b786f6567"},{"elementConfiguration":{"image":"{{Form.SAPLogo.LogoWhite}}","disableUpdates":false,"type":"image"},"type":"shape","id":"a07daa3b-d10a-4805-903b-dae5d29a6709"},{"elementConfiguration":{"binding":"{{DataSources.Classification[Form.Classification.Name].Display}}","disableUpdates":false,"type":"text"},"type":"shape","id":"761de5f6-91ed-4dea-84f4-aba946f47a04"},{"elementConfiguration":{"image":"{{Form.SAPLogo.SubbrandWhite}}","visibility":"{{IfElse(Equals(Form.SAPLogo.HideSubBrandShape, \"Yes\"), VisibilityType.Hidden, VisibilityType.Visible)}}","disableUpdates":false,"type":"image"},"type":"shape","id":"9de91326-ecea-44dc-8bfd-19a5bf8e6804"},{"elementConfiguration":{"image":"{{Form.SAPLogo.LogoWhite}}","disableUpdates":false,"type":"image"},"type":"shape","id":"07f1feba-b805-4cb8-98e0-c7e07260b120"},{"elementConfiguration":{"image":"{{Form.SAPLogo.SubbrandWhite}}","visibility":"{{IfElse(Equals(Form.SAPLogo.HideSubBrandShape, \"Yes\"), VisibilityType.Hidden, VisibilityType.Visible)}}","disableUpdates":false,"type":"image"},"type":"shape","id":"12f79346-d6b7-45b9-993f-0c22d0cc69f3"},{"elementConfiguration":{"binding":"{{DataSources.Classification[Form.Classification.Name].Display}}","disableUpdates":false,"type":"text"},"type":"shape","id":"96ffd27e-fe81-45ff-85da-fa545d2abddd"},{"elementConfiguration":{"image":"{{Form.SAPLogo.LogoWhite}}","disableUpdates":false,"type":"image"},"type":"shape","id":"f527cf88-9a3f-43bb-bb8e-beda01864e12"},{"elementConfiguration":{"image":"{{Form.SAPLogo.SubbrandWhite}}","visibility":"{{IfElse(Equals(Form.SAPLogo.HideSubBrandShape, \"Yes\"), VisibilityType.Hidden, VisibilityType.Visible)}}","disableUpdates":false,"type":"image"},"type":"shape","id":"4e925397-ad3e-4533-b574-d35dc32156a8"},{"elementConfiguration":{"binding":"{{DataSources.Classification[Form.Classification.Name].Display}}","disableUpdates":false,"type":"text"},"type":"shape","id":"0da0c77c-ac45-4e0d-91ba-ccf9b50a0b5e"},{"elementConfiguration":{"image":"{{Form.SAPLogo.LogoBlack}}","disableUpdates":false,"type":"image"},"type":"shape","id":"bbe9328a-7788-434e-97ab-be1f3e2ce1c7"},{"elementConfiguration":{"image":"{{Form.SAPLogo.SubbrandBlack}}","visibility":"{{IfElse(Equals(Form.SAPLogo.HideSubBrandShape, \"Yes\"), VisibilityType.Hidden, VisibilityType.Visible)}}","disableUpdates":false,"type":"image"},"type":"shape","id":"f5aa3899-8178-474b-9565-6f759e545ce4"},{"elementConfiguration":{"binding":"{{DataSources.Classification[Form.Classification.Name].Display}}","disableUpdates":false,"type":"text"},"type":"shape","id":"1c192a00-18e5-4a1b-8d1f-662fd41e2a17"},{"elementConfiguration":{"binding":"{{FormatDateTime(Form.Date,\"MMMM dd, yyyy\",\"en-US\")}}","disableUpdates":false,"type":"text"},"type":"shape","id":"a643ebbb-2824-4a7e-9a1e-ab84b707d0c6"},{"elementConfiguration":{"binding":"{{StringJoin(\", \", Form.SpeakerName,\"SAP\")}}","disableUpdates":false,"type":"text"},"type":"shape","id":"92f851aa-8955-4576-a5df-a22206350539"},{"elementConfiguration":{"image":"{{Form.SAPLogo.LogoBlack}}","disableUpdates":false,"type":"image"},"type":"shape","id":"509e3834-352e-4cd4-a353-92fe5208cb41"},{"elementConfiguration":{"binding":"{{DataSources.Classification[Form.Classification.Name].Display}}","disableUpdates":false,"type":"text"},"type":"shape","id":"a6654a17-a51a-4010-9475-1cbba74d54c3"},{"elementConfiguration":{"image":"{{Form.SAPLogo.SubbrandBlack}}","visibility":"{{IfElse(Equals(Form.SAPLogo.HideSubBrandShape, \"Yes\"), VisibilityType.Hidden, VisibilityType.Visible)}}","disableUpdates":false,"type":"image"},"type":"shape","id":"a0dd9a4b-813a-41f8-9c7f-4ba5092cece0"},{"elementConfiguration":{"binding":"{{DataSources.Classification[Form.Classification.Name].Display}}","disableUpdates":false,"type":"text"},"type":"shape","id":"47f3a416-87f7-4d99-9df3-e9f0b8ad3571"},{"elementConfiguration":{"binding":"{{FormatDateTime(Form.Date,\"MMMM dd, yyyy\",\"en-US\")}}","disableUpdates":false,"type":"text"},"type":"shape","id":"55d2c2d7-8fe8-4d10-8d5b-da6f30e51931"},{"elementConfiguration":{"binding":"{{StringJoin(\", \", Form.SpeakerName,\"SAP\")}}","disableUpdates":false,"type":"text"},"type":"shape","id":"5bc84671-03c9-422b-85ea-5c82a6ace2c8"},{"elementConfiguration":{"image":"{{Form.SAPLogo.LogoBlack}}","disableUpdates":false,"type":"image"},"type":"shape","id":"0751cdf4-73d1-4f5c-bec0-e4a8160d84c7"},{"elementConfiguration":{"binding":"{{DataSources.Classification[Form.Classification.Name].Display}}","disableUpdates":false,"type":"text"},"type":"shape","id":"2bc30e0e-bbbe-4ad1-aa88-1327b466bdf0"},{"elementConfiguration":{"image":"{{Form.SAPLogo.SubbrandBlack}}","visibility":"{{IfElse(Equals(Form.SAPLogo.HideSubBrandShape, \"Yes\"), VisibilityType.Hidden, VisibilityType.Visible)}}","disableUpdates":false,"type":"image"},"type":"shape","id":"72b1f988-499c-4c33-98c5-9ec16708ba2c"},{"elementConfiguration":{"binding":"{{DataSources.Classification[Form.Classification.Name].Display}}","disableUpdates":false,"type":"text"},"type":"shape","id":"6d28d44c-7a2b-435f-b0e8-541d02241331"},{"elementConfiguration":{"binding":"{{FormatDateTime(Form.Date,\"MMMM dd, yyyy\",\"en-US\")}}","disableUpdates":false,"type":"text"},"type":"shape","id":"e1e8c0aa-8252-46db-8ba1-5e62c95020bc"},{"elementConfiguration":{"binding":"{{StringJoin(\", \", Form.SpeakerName,\"SAP\")}}","disableUpdates":false,"type":"text"},"type":"shape","id":"b3de883d-e1bb-43ce-ab26-660d368fe57c"},{"elementConfiguration":{"image":"{{Form.SAPLogo.LogoBlack}}","disableUpdates":false,"type":"image"},"type":"shape","id":"e6707b1b-c5ae-4616-98b3-818d217141aa"},{"elementConfiguration":{"image":"{{Form.SAPLogo.SubbrandBlack}}","visibility":"{{IfElse(Equals(Form.SAPLogo.HideSubBrandShape, \"Yes\"), VisibilityType.Hidden, VisibilityType.Visible)}}","disableUpdates":false,"type":"image"},"type":"shape","id":"eabc246f-e876-4554-8755-008498e5da38"},{"elementConfiguration":{"binding":"{{Form.SpeakerName}}","disableUpdates":false,"type":"text"},"type":"shape","id":"1be2bece-fd88-475d-b843-45b33279d00a"},{"elementConfiguration":{"binding":"{{Form.Email}}","disableUpdates":false,"type":"text"},"type":"shape","id":"392c50fa-7ef0-450c-a010-ab86838f9f5e"},{"elementConfiguration":{"binding":"{{FormatDateTime(Form.Date,\"MMMM dd, yyyy\",\"en-US\")}}","disableUpdates":false,"type":"text"},"type":"shape","id":"9c9ee0b3-7d82-47eb-803f-6223af3075f1"},{"elementConfiguration":{"binding":"{{StringJoin(\", \", Form.SpeakerName,\"SAP\")}}","disableUpdates":false,"type":"text"},"type":"shape","id":"e08a6109-f20e-475a-85e7-8f56cd9506e0"},{"elementConfiguration":{"binding":"{{StringJoin(\", \", Form.SpeakerName,\"SAP\")}}","disableUpdates":false,"type":"text"},"type":"shape","id":"7acca662-5c62-40aa-8e73-91d6f8b2d047"},{"elementConfiguration":{"binding":"{{FormatDateTime(Form.Date,\"MMMM dd, yyyy\",\"en-US\")}}","disableUpdates":false,"type":"text"},"type":"shape","id":"38245928-9f3b-48f0-9002-e95f5719b1a6"},{"elementConfiguration":{"binding":"{{FormatDateTime(Form.Date,\"MMMM dd, yyyy\",\"en-US\")}}","disableUpdates":false,"type":"text"},"type":"shape","id":"d0d7ff89-cd0c-4f17-85b1-39e70102e8ff"},{"elementConfiguration":{"binding":"{{StringJoin(\", \", Form.SpeakerName,\"SAP\")}}","disableUpdates":false,"type":"text"},"type":"shape","id":"7951202f-c801-4a83-9ec6-1a13d67da569"},{"elementConfiguration":{"binding":"{{FormatDateTime(Form.Date,\"MMMM dd, yyyy\",\"en-US\")}}","disableUpdates":false,"type":"text"},"type":"shape","id":"f8c94082-28cc-4a04-a93a-b98dfa2be2f7"},{"elementConfiguration":{"binding":"{{StringJoin(\", \", Form.SpeakerName,\"SAP\")}}","disableUpdates":false,"type":"text"},"type":"shape","id":"a3e7bdd2-f1e0-4fbf-b6db-67b573c67457"},{"elementConfiguration":{"binding":"{{Form.Email}}","disableUpdates":false,"type":"text"},"type":"shape","id":"2c7c34ad-29a2-40f5-ace3-495ded801d5f"},{"elementConfiguration":{"binding":"{{Form.SpeakerName}}","disableUpdates":false,"type":"text"},"type":"shape","id":"83c760b2-dbba-46e9-8eb5-8ad40172b091"}],"transformationConfigurations":[],"templateName":"White Template","templateDescription":"","enableDocumentContentUpdater":true,"version":"2.0"}]]></TemplafyTemplateConfiguration>
</file>

<file path=customXml/item9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B5801D2B9AD6324B8BF9FCBC5E8836DF" ma:contentTypeVersion="7" ma:contentTypeDescription="Create a new document." ma:contentTypeScope="" ma:versionID="af6f22aeda2de90a6ab470302f55c9f1">
  <xsd:schema xmlns:xsd="http://www.w3.org/2001/XMLSchema" xmlns:xs="http://www.w3.org/2001/XMLSchema" xmlns:p="http://schemas.microsoft.com/office/2006/metadata/properties" xmlns:ns2="eb1a74b1-8dc4-4e0c-a52d-4a03e5f7d8ba" xmlns:ns3="f9311c64-75e2-4748-a250-1475e555241c" targetNamespace="http://schemas.microsoft.com/office/2006/metadata/properties" ma:root="true" ma:fieldsID="675cf41fdd42899aa2442fc4b19de56d" ns2:_="" ns3:_="">
    <xsd:import namespace="eb1a74b1-8dc4-4e0c-a52d-4a03e5f7d8ba"/>
    <xsd:import namespace="f9311c64-75e2-4748-a250-1475e555241c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LengthInSeconds" minOccurs="0"/>
                <xsd:element ref="ns3:SharedWithUsers" minOccurs="0"/>
                <xsd:element ref="ns3:SharedWithDetails" minOccurs="0"/>
                <xsd:element ref="ns2:Comme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b1a74b1-8dc4-4e0c-a52d-4a03e5f7d8b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internalName="MediaServiceDateTaken" ma:readOnly="true">
      <xsd:simpleType>
        <xsd:restriction base="dms:Text"/>
      </xsd:simpleType>
    </xsd:element>
    <xsd:element name="MediaLengthInSeconds" ma:index="11" nillable="true" ma:displayName="MediaLengthInSeconds" ma:hidden="true" ma:internalName="MediaLengthInSeconds" ma:readOnly="true">
      <xsd:simpleType>
        <xsd:restriction base="dms:Unknown"/>
      </xsd:simpleType>
    </xsd:element>
    <xsd:element name="Comments" ma:index="14" nillable="true" ma:displayName="Comments " ma:default="asfdasdad" ma:description="dsaf" ma:format="Dropdown" ma:internalName="Comments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9311c64-75e2-4748-a250-1475e555241c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099A12C3-1BD4-4D9A-BAAC-1927D61656DB}">
  <ds:schemaRefs/>
</ds:datastoreItem>
</file>

<file path=customXml/itemProps10.xml><?xml version="1.0" encoding="utf-8"?>
<ds:datastoreItem xmlns:ds="http://schemas.openxmlformats.org/officeDocument/2006/customXml" ds:itemID="{382C1131-6B8B-4A16-9A07-4A3F53982264}">
  <ds:schemaRefs/>
</ds:datastoreItem>
</file>

<file path=customXml/itemProps11.xml><?xml version="1.0" encoding="utf-8"?>
<ds:datastoreItem xmlns:ds="http://schemas.openxmlformats.org/officeDocument/2006/customXml" ds:itemID="{C1422F45-04DB-421D-8796-270006657806}">
  <ds:schemaRefs>
    <ds:schemaRef ds:uri="http://purl.org/dc/dcmitype/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office/2006/metadata/properties"/>
    <ds:schemaRef ds:uri="47fc58d8-9f4b-4bc8-b278-c3cb6f298023"/>
    <ds:schemaRef ds:uri="0e00d59e-b0d2-4e67-be34-67e465b0fbed"/>
    <ds:schemaRef ds:uri="http://www.w3.org/XML/1998/namespace"/>
    <ds:schemaRef ds:uri="eb1a74b1-8dc4-4e0c-a52d-4a03e5f7d8ba"/>
  </ds:schemaRefs>
</ds:datastoreItem>
</file>

<file path=customXml/itemProps12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60467ADA-75A7-4361-8C2B-20A1B5C79660}">
  <ds:schemaRefs/>
</ds:datastoreItem>
</file>

<file path=customXml/itemProps14.xml><?xml version="1.0" encoding="utf-8"?>
<ds:datastoreItem xmlns:ds="http://schemas.openxmlformats.org/officeDocument/2006/customXml" ds:itemID="{47869D81-24A3-1649-A7BC-E604AE89024C}">
  <ds:schemaRefs/>
</ds:datastoreItem>
</file>

<file path=customXml/itemProps15.xml><?xml version="1.0" encoding="utf-8"?>
<ds:datastoreItem xmlns:ds="http://schemas.openxmlformats.org/officeDocument/2006/customXml" ds:itemID="{3E4381A6-8E2C-574D-B48E-536A53B18F66}">
  <ds:schemaRefs/>
</ds:datastoreItem>
</file>

<file path=customXml/itemProps2.xml><?xml version="1.0" encoding="utf-8"?>
<ds:datastoreItem xmlns:ds="http://schemas.openxmlformats.org/officeDocument/2006/customXml" ds:itemID="{6676DF0E-1FCC-47B2-AA1F-7966BD03FC82}">
  <ds:schemaRefs/>
</ds:datastoreItem>
</file>

<file path=customXml/itemProps3.xml><?xml version="1.0" encoding="utf-8"?>
<ds:datastoreItem xmlns:ds="http://schemas.openxmlformats.org/officeDocument/2006/customXml" ds:itemID="{CE6C8EE9-E091-493A-9E13-2CE4C3DA7E88}">
  <ds:schemaRefs/>
</ds:datastoreItem>
</file>

<file path=customXml/itemProps4.xml><?xml version="1.0" encoding="utf-8"?>
<ds:datastoreItem xmlns:ds="http://schemas.openxmlformats.org/officeDocument/2006/customXml" ds:itemID="{10A6F4D9-E835-43D5-8E7C-6E2A09B1A547}">
  <ds:schemaRefs/>
</ds:datastoreItem>
</file>

<file path=customXml/itemProps5.xml><?xml version="1.0" encoding="utf-8"?>
<ds:datastoreItem xmlns:ds="http://schemas.openxmlformats.org/officeDocument/2006/customXml" ds:itemID="{F9415C09-7C35-4E43-8058-C2F9C640DD7F}">
  <ds:schemaRefs/>
</ds:datastoreItem>
</file>

<file path=customXml/itemProps6.xml><?xml version="1.0" encoding="utf-8"?>
<ds:datastoreItem xmlns:ds="http://schemas.openxmlformats.org/officeDocument/2006/customXml" ds:itemID="{60143FF3-3290-430A-B2BD-45BEBE6E80B1}">
  <ds:schemaRefs/>
</ds:datastoreItem>
</file>

<file path=customXml/itemProps7.xml><?xml version="1.0" encoding="utf-8"?>
<ds:datastoreItem xmlns:ds="http://schemas.openxmlformats.org/officeDocument/2006/customXml" ds:itemID="{CC49FFC8-2FF3-4057-96F0-3BCD1A4F0351}">
  <ds:schemaRefs/>
</ds:datastoreItem>
</file>

<file path=customXml/itemProps8.xml><?xml version="1.0" encoding="utf-8"?>
<ds:datastoreItem xmlns:ds="http://schemas.openxmlformats.org/officeDocument/2006/customXml" ds:itemID="{626BBCBB-1894-4E66-BA48-9E91CE3ACBA0}">
  <ds:schemaRefs/>
</ds:datastoreItem>
</file>

<file path=customXml/itemProps9.xml><?xml version="1.0" encoding="utf-8"?>
<ds:datastoreItem xmlns:ds="http://schemas.openxmlformats.org/officeDocument/2006/customXml" ds:itemID="{B76DEF2A-B65E-43BC-BAFB-E470F07E08A0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eb1a74b1-8dc4-4e0c-a52d-4a03e5f7d8ba"/>
    <ds:schemaRef ds:uri="f9311c64-75e2-4748-a250-1475e555241c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354</TotalTime>
  <Words>4552</Words>
  <Application>Microsoft Office PowerPoint</Application>
  <PresentationFormat>Custom</PresentationFormat>
  <Paragraphs>702</Paragraphs>
  <Slides>50</Slides>
  <Notes>45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50</vt:i4>
      </vt:variant>
    </vt:vector>
  </HeadingPairs>
  <TitlesOfParts>
    <vt:vector size="63" baseType="lpstr">
      <vt:lpstr>72 Brand Medium</vt:lpstr>
      <vt:lpstr>Arial</vt:lpstr>
      <vt:lpstr>Calibri</vt:lpstr>
      <vt:lpstr>Calibri Light</vt:lpstr>
      <vt:lpstr>Calibri Light (Headings)</vt:lpstr>
      <vt:lpstr>Courier New</vt:lpstr>
      <vt:lpstr>Segoe UI Light</vt:lpstr>
      <vt:lpstr>Symbol</vt:lpstr>
      <vt:lpstr>wingdings</vt:lpstr>
      <vt:lpstr>wingdings</vt:lpstr>
      <vt:lpstr>SAP 2022 16x9 white</vt:lpstr>
      <vt:lpstr>1_SAP 2022 16x9 black</vt:lpstr>
      <vt:lpstr>SAP 2022 16x9 blue</vt:lpstr>
      <vt:lpstr>PowerPoint Presentation</vt:lpstr>
      <vt:lpstr>Agenda</vt:lpstr>
      <vt:lpstr>Quality Notification In this Chapter You Will Learn About …</vt:lpstr>
      <vt:lpstr>Introduction</vt:lpstr>
      <vt:lpstr>Buyer Initiated Quality Notification Process Workflow</vt:lpstr>
      <vt:lpstr>Buyer Initiated Quality Notification Process Workflow Reopen Process  </vt:lpstr>
      <vt:lpstr>Parts of a Quality Notification</vt:lpstr>
      <vt:lpstr>Different Modes of Integration/ Automation</vt:lpstr>
      <vt:lpstr>Buyer Initiated QN Portal User Interaction In this Chapter You Will Learn About …</vt:lpstr>
      <vt:lpstr>Quality Notification Overall Considerations</vt:lpstr>
      <vt:lpstr>Quality Tab  Options</vt:lpstr>
      <vt:lpstr>Quality Tab  Edit Quality Email Notifications</vt:lpstr>
      <vt:lpstr>Quality Notification Portal User Interaction</vt:lpstr>
      <vt:lpstr>Search and View QN Search Filters</vt:lpstr>
      <vt:lpstr>Search and View QN Review QN</vt:lpstr>
      <vt:lpstr>Search and View QN  Details Screen</vt:lpstr>
      <vt:lpstr>Search and View QN  Defects Screen</vt:lpstr>
      <vt:lpstr>Search and View QN  Partner Info and History Tab Screens</vt:lpstr>
      <vt:lpstr>Maintain Quality Notification  Details Screen 1</vt:lpstr>
      <vt:lpstr>Maintain Quality Notification  Details Screen 2</vt:lpstr>
      <vt:lpstr>Maintain Quality Notification Details Section Description 1</vt:lpstr>
      <vt:lpstr>Maintain Quality Notification Details Section Description 2</vt:lpstr>
      <vt:lpstr>Maintain Quality Notification Details Section Description 3</vt:lpstr>
      <vt:lpstr>Maintain Quality Notification Details – Required Tasks </vt:lpstr>
      <vt:lpstr>Maintain Quality Notification Details – Required Tasks Data Description</vt:lpstr>
      <vt:lpstr>Maintain Quality Notification Details - Activity Log</vt:lpstr>
      <vt:lpstr>Maintain Quality Notification Details – Activity Log Data Description</vt:lpstr>
      <vt:lpstr>Maintain Quality Notification Defects Data Description</vt:lpstr>
      <vt:lpstr>Maintain Quality Notification Defects – Causes</vt:lpstr>
      <vt:lpstr>Maintain Quality Notification Defects Causes Data Description</vt:lpstr>
      <vt:lpstr>Maintain Quality Notification Defects - Additional Impacted Batches </vt:lpstr>
      <vt:lpstr>Maintain Quality Notification Defects - Additional Impacted Batches Data Description</vt:lpstr>
      <vt:lpstr>Maintain Quality Notification  Defects – Required Tasks</vt:lpstr>
      <vt:lpstr>Maintain Quality Notification Defects – Required Tasks Data Description</vt:lpstr>
      <vt:lpstr>Maintain Quality Notification Defects – Activity Log</vt:lpstr>
      <vt:lpstr>Maintain Quality Notification  Defects – Activity Log Data Description</vt:lpstr>
      <vt:lpstr>Maintain Quality Notification Quality Notification Mass Update 1</vt:lpstr>
      <vt:lpstr>PowerPoint Presentation</vt:lpstr>
      <vt:lpstr>PowerPoint Presentation</vt:lpstr>
      <vt:lpstr>PowerPoint Presentation</vt:lpstr>
      <vt:lpstr>PowerPoint Presentation</vt:lpstr>
      <vt:lpstr>Complete and Publish Quality Notification</vt:lpstr>
      <vt:lpstr>Search and Review Published Quality Notification  Search filters</vt:lpstr>
      <vt:lpstr>Search and Review Published Quality Notification  Review QN</vt:lpstr>
      <vt:lpstr>Limitations</vt:lpstr>
      <vt:lpstr>Appendix</vt:lpstr>
      <vt:lpstr>Block Ship Notice Creation when an open Quality Notification for Material without a Purchase Order Reference exists</vt:lpstr>
      <vt:lpstr>Status Description</vt:lpstr>
      <vt:lpstr>Routing Status of QN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2/16:9/white</cp:keywords>
  <dc:description/>
  <cp:lastModifiedBy>Hill, Nathan</cp:lastModifiedBy>
  <cp:revision>243</cp:revision>
  <dcterms:created xsi:type="dcterms:W3CDTF">2022-07-20T17:34:30Z</dcterms:created>
  <dcterms:modified xsi:type="dcterms:W3CDTF">2023-11-08T13:23:53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NewReviewCycle">
    <vt:lpwstr/>
  </property>
  <property fmtid="{D5CDD505-2E9C-101B-9397-08002B2CF9AE}" pid="3" name="ContentTypeId">
    <vt:lpwstr>0x010100B5801D2B9AD6324B8BF9FCBC5E8836DF</vt:lpwstr>
  </property>
  <property fmtid="{D5CDD505-2E9C-101B-9397-08002B2CF9AE}" pid="4" name="TemplafyTimeStamp">
    <vt:lpwstr>2022-07-04T13:53:54</vt:lpwstr>
  </property>
  <property fmtid="{D5CDD505-2E9C-101B-9397-08002B2CF9AE}" pid="5" name="TemplafyTenantId">
    <vt:lpwstr>sap</vt:lpwstr>
  </property>
  <property fmtid="{D5CDD505-2E9C-101B-9397-08002B2CF9AE}" pid="6" name="TemplafyTemplateId">
    <vt:lpwstr>637750826308903787</vt:lpwstr>
  </property>
  <property fmtid="{D5CDD505-2E9C-101B-9397-08002B2CF9AE}" pid="7" name="TemplafyUserProfileId">
    <vt:lpwstr>637716921277296581</vt:lpwstr>
  </property>
  <property fmtid="{D5CDD505-2E9C-101B-9397-08002B2CF9AE}" pid="8" name="TemplafyLanguageCode">
    <vt:lpwstr>en-US</vt:lpwstr>
  </property>
  <property fmtid="{D5CDD505-2E9C-101B-9397-08002B2CF9AE}" pid="9" name="TemplafyFromBlank">
    <vt:bool>false</vt:bool>
  </property>
</Properties>
</file>